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9.xml" ContentType="application/vnd.openxmlformats-officedocument.presentationml.notesSlide+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12.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0"/>
  </p:sldMasterIdLst>
  <p:notesMasterIdLst>
    <p:notesMasterId r:id="rId27"/>
  </p:notesMasterIdLst>
  <p:handoutMasterIdLst>
    <p:handoutMasterId r:id="rId28"/>
  </p:handoutMasterIdLst>
  <p:sldIdLst>
    <p:sldId id="260" r:id="rId11"/>
    <p:sldId id="279" r:id="rId12"/>
    <p:sldId id="295" r:id="rId13"/>
    <p:sldId id="281" r:id="rId14"/>
    <p:sldId id="291" r:id="rId15"/>
    <p:sldId id="292" r:id="rId16"/>
    <p:sldId id="293" r:id="rId17"/>
    <p:sldId id="285" r:id="rId18"/>
    <p:sldId id="282" r:id="rId19"/>
    <p:sldId id="283" r:id="rId20"/>
    <p:sldId id="284" r:id="rId21"/>
    <p:sldId id="286" r:id="rId22"/>
    <p:sldId id="288" r:id="rId23"/>
    <p:sldId id="289" r:id="rId24"/>
    <p:sldId id="290" r:id="rId25"/>
    <p:sldId id="277" r:id="rId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987" autoAdjust="0"/>
    <p:restoredTop sz="68519" autoAdjust="0"/>
  </p:normalViewPr>
  <p:slideViewPr>
    <p:cSldViewPr snapToGrid="0" showGuides="1">
      <p:cViewPr varScale="1">
        <p:scale>
          <a:sx n="66" d="100"/>
          <a:sy n="66" d="100"/>
        </p:scale>
        <p:origin x="1830" y="288"/>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 Type="http://schemas.openxmlformats.org/officeDocument/2006/relationships/customXml" Target="../customXml/item3.xml"/><Relationship Id="rId21" Type="http://schemas.openxmlformats.org/officeDocument/2006/relationships/slide" Target="slides/slide1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handoutMaster" Target="handoutMasters/handoutMaster1.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notesMaster" Target="notesMasters/notesMaster1.xml"/><Relationship Id="rId30" Type="http://schemas.openxmlformats.org/officeDocument/2006/relationships/viewProps" Target="viewProps.xml"/></Relationships>
</file>

<file path=ppt/diagrams/_rels/data1.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image" Target="../media/image19.png"/><Relationship Id="rId7" Type="http://schemas.openxmlformats.org/officeDocument/2006/relationships/image" Target="../media/image23.png"/><Relationship Id="rId2" Type="http://schemas.openxmlformats.org/officeDocument/2006/relationships/image" Target="../media/image18.svg"/><Relationship Id="rId1" Type="http://schemas.openxmlformats.org/officeDocument/2006/relationships/image" Target="../media/image17.png"/><Relationship Id="rId6" Type="http://schemas.openxmlformats.org/officeDocument/2006/relationships/image" Target="../media/image22.svg"/><Relationship Id="rId5" Type="http://schemas.openxmlformats.org/officeDocument/2006/relationships/image" Target="../media/image21.png"/><Relationship Id="rId4" Type="http://schemas.openxmlformats.org/officeDocument/2006/relationships/image" Target="../media/image20.svg"/></Relationships>
</file>

<file path=ppt/diagrams/_rels/data3.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svg"/><Relationship Id="rId1" Type="http://schemas.openxmlformats.org/officeDocument/2006/relationships/image" Target="../media/image34.png"/><Relationship Id="rId6" Type="http://schemas.openxmlformats.org/officeDocument/2006/relationships/image" Target="../media/image39.svg"/><Relationship Id="rId5" Type="http://schemas.openxmlformats.org/officeDocument/2006/relationships/image" Target="../media/image38.png"/><Relationship Id="rId4" Type="http://schemas.openxmlformats.org/officeDocument/2006/relationships/image" Target="../media/image37.svg"/></Relationships>
</file>

<file path=ppt/diagrams/_rels/data4.xml.rels><?xml version="1.0" encoding="UTF-8" standalone="yes"?>
<Relationships xmlns="http://schemas.openxmlformats.org/package/2006/relationships"><Relationship Id="rId8" Type="http://schemas.openxmlformats.org/officeDocument/2006/relationships/image" Target="../media/image47.svg"/><Relationship Id="rId3" Type="http://schemas.openxmlformats.org/officeDocument/2006/relationships/image" Target="../media/image42.png"/><Relationship Id="rId7" Type="http://schemas.openxmlformats.org/officeDocument/2006/relationships/image" Target="../media/image46.pn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5" Type="http://schemas.openxmlformats.org/officeDocument/2006/relationships/image" Target="../media/image44.png"/><Relationship Id="rId4" Type="http://schemas.openxmlformats.org/officeDocument/2006/relationships/image" Target="../media/image43.svg"/></Relationships>
</file>

<file path=ppt/diagrams/_rels/data5.xml.rels><?xml version="1.0" encoding="UTF-8" standalone="yes"?>
<Relationships xmlns="http://schemas.openxmlformats.org/package/2006/relationships"><Relationship Id="rId8" Type="http://schemas.openxmlformats.org/officeDocument/2006/relationships/image" Target="../media/image55.svg"/><Relationship Id="rId3" Type="http://schemas.openxmlformats.org/officeDocument/2006/relationships/image" Target="../media/image50.png"/><Relationship Id="rId7" Type="http://schemas.openxmlformats.org/officeDocument/2006/relationships/image" Target="../media/image54.png"/><Relationship Id="rId2" Type="http://schemas.openxmlformats.org/officeDocument/2006/relationships/image" Target="../media/image49.svg"/><Relationship Id="rId1" Type="http://schemas.openxmlformats.org/officeDocument/2006/relationships/image" Target="../media/image48.png"/><Relationship Id="rId6" Type="http://schemas.openxmlformats.org/officeDocument/2006/relationships/image" Target="../media/image53.svg"/><Relationship Id="rId5" Type="http://schemas.openxmlformats.org/officeDocument/2006/relationships/image" Target="../media/image52.png"/><Relationship Id="rId4" Type="http://schemas.openxmlformats.org/officeDocument/2006/relationships/image" Target="../media/image51.svg"/></Relationships>
</file>

<file path=ppt/diagrams/_rels/data8.xml.rels><?xml version="1.0" encoding="UTF-8" standalone="yes"?>
<Relationships xmlns="http://schemas.openxmlformats.org/package/2006/relationships"><Relationship Id="rId8" Type="http://schemas.openxmlformats.org/officeDocument/2006/relationships/image" Target="../media/image66.svg"/><Relationship Id="rId3" Type="http://schemas.openxmlformats.org/officeDocument/2006/relationships/image" Target="../media/image61.png"/><Relationship Id="rId7" Type="http://schemas.openxmlformats.org/officeDocument/2006/relationships/image" Target="../media/image65.png"/><Relationship Id="rId12" Type="http://schemas.openxmlformats.org/officeDocument/2006/relationships/image" Target="../media/image68.svg"/><Relationship Id="rId2" Type="http://schemas.openxmlformats.org/officeDocument/2006/relationships/image" Target="../media/image60.svg"/><Relationship Id="rId1" Type="http://schemas.openxmlformats.org/officeDocument/2006/relationships/image" Target="../media/image59.png"/><Relationship Id="rId6" Type="http://schemas.openxmlformats.org/officeDocument/2006/relationships/image" Target="../media/image64.svg"/><Relationship Id="rId11" Type="http://schemas.openxmlformats.org/officeDocument/2006/relationships/image" Target="../media/image67.png"/><Relationship Id="rId5" Type="http://schemas.openxmlformats.org/officeDocument/2006/relationships/image" Target="../media/image63.png"/><Relationship Id="rId10" Type="http://schemas.openxmlformats.org/officeDocument/2006/relationships/image" Target="../media/image35.svg"/><Relationship Id="rId4" Type="http://schemas.openxmlformats.org/officeDocument/2006/relationships/image" Target="../media/image62.svg"/><Relationship Id="rId9" Type="http://schemas.openxmlformats.org/officeDocument/2006/relationships/image" Target="../media/image34.png"/></Relationships>
</file>

<file path=ppt/diagrams/_rels/data9.xml.rels><?xml version="1.0" encoding="UTF-8" standalone="yes"?>
<Relationships xmlns="http://schemas.openxmlformats.org/package/2006/relationships"><Relationship Id="rId8" Type="http://schemas.openxmlformats.org/officeDocument/2006/relationships/image" Target="../media/image76.svg"/><Relationship Id="rId3" Type="http://schemas.openxmlformats.org/officeDocument/2006/relationships/image" Target="../media/image71.png"/><Relationship Id="rId7" Type="http://schemas.openxmlformats.org/officeDocument/2006/relationships/image" Target="../media/image75.png"/><Relationship Id="rId2" Type="http://schemas.openxmlformats.org/officeDocument/2006/relationships/image" Target="../media/image70.svg"/><Relationship Id="rId1" Type="http://schemas.openxmlformats.org/officeDocument/2006/relationships/image" Target="../media/image69.png"/><Relationship Id="rId6" Type="http://schemas.openxmlformats.org/officeDocument/2006/relationships/image" Target="../media/image74.svg"/><Relationship Id="rId5" Type="http://schemas.openxmlformats.org/officeDocument/2006/relationships/image" Target="../media/image73.png"/><Relationship Id="rId4" Type="http://schemas.openxmlformats.org/officeDocument/2006/relationships/image" Target="../media/image72.svg"/></Relationships>
</file>

<file path=ppt/diagrams/_rels/drawing1.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image" Target="../media/image19.png"/><Relationship Id="rId7" Type="http://schemas.openxmlformats.org/officeDocument/2006/relationships/image" Target="../media/image23.png"/><Relationship Id="rId2" Type="http://schemas.openxmlformats.org/officeDocument/2006/relationships/image" Target="../media/image18.svg"/><Relationship Id="rId1" Type="http://schemas.openxmlformats.org/officeDocument/2006/relationships/image" Target="../media/image17.png"/><Relationship Id="rId6" Type="http://schemas.openxmlformats.org/officeDocument/2006/relationships/image" Target="../media/image22.svg"/><Relationship Id="rId5" Type="http://schemas.openxmlformats.org/officeDocument/2006/relationships/image" Target="../media/image21.png"/><Relationship Id="rId4" Type="http://schemas.openxmlformats.org/officeDocument/2006/relationships/image" Target="../media/image20.svg"/></Relationships>
</file>

<file path=ppt/diagrams/_rels/drawing3.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svg"/><Relationship Id="rId1" Type="http://schemas.openxmlformats.org/officeDocument/2006/relationships/image" Target="../media/image34.png"/><Relationship Id="rId6" Type="http://schemas.openxmlformats.org/officeDocument/2006/relationships/image" Target="../media/image39.svg"/><Relationship Id="rId5" Type="http://schemas.openxmlformats.org/officeDocument/2006/relationships/image" Target="../media/image38.png"/><Relationship Id="rId4" Type="http://schemas.openxmlformats.org/officeDocument/2006/relationships/image" Target="../media/image37.svg"/></Relationships>
</file>

<file path=ppt/diagrams/_rels/drawing4.xml.rels><?xml version="1.0" encoding="UTF-8" standalone="yes"?>
<Relationships xmlns="http://schemas.openxmlformats.org/package/2006/relationships"><Relationship Id="rId8" Type="http://schemas.openxmlformats.org/officeDocument/2006/relationships/image" Target="../media/image47.svg"/><Relationship Id="rId3" Type="http://schemas.openxmlformats.org/officeDocument/2006/relationships/image" Target="../media/image42.png"/><Relationship Id="rId7" Type="http://schemas.openxmlformats.org/officeDocument/2006/relationships/image" Target="../media/image46.pn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5" Type="http://schemas.openxmlformats.org/officeDocument/2006/relationships/image" Target="../media/image44.png"/><Relationship Id="rId4" Type="http://schemas.openxmlformats.org/officeDocument/2006/relationships/image" Target="../media/image43.svg"/></Relationships>
</file>

<file path=ppt/diagrams/_rels/drawing5.xml.rels><?xml version="1.0" encoding="UTF-8" standalone="yes"?>
<Relationships xmlns="http://schemas.openxmlformats.org/package/2006/relationships"><Relationship Id="rId8" Type="http://schemas.openxmlformats.org/officeDocument/2006/relationships/image" Target="../media/image55.svg"/><Relationship Id="rId3" Type="http://schemas.openxmlformats.org/officeDocument/2006/relationships/image" Target="../media/image50.png"/><Relationship Id="rId7" Type="http://schemas.openxmlformats.org/officeDocument/2006/relationships/image" Target="../media/image54.png"/><Relationship Id="rId2" Type="http://schemas.openxmlformats.org/officeDocument/2006/relationships/image" Target="../media/image49.svg"/><Relationship Id="rId1" Type="http://schemas.openxmlformats.org/officeDocument/2006/relationships/image" Target="../media/image48.png"/><Relationship Id="rId6" Type="http://schemas.openxmlformats.org/officeDocument/2006/relationships/image" Target="../media/image53.svg"/><Relationship Id="rId5" Type="http://schemas.openxmlformats.org/officeDocument/2006/relationships/image" Target="../media/image52.png"/><Relationship Id="rId4" Type="http://schemas.openxmlformats.org/officeDocument/2006/relationships/image" Target="../media/image51.svg"/></Relationships>
</file>

<file path=ppt/diagrams/_rels/drawing8.xml.rels><?xml version="1.0" encoding="UTF-8" standalone="yes"?>
<Relationships xmlns="http://schemas.openxmlformats.org/package/2006/relationships"><Relationship Id="rId8" Type="http://schemas.openxmlformats.org/officeDocument/2006/relationships/image" Target="../media/image66.svg"/><Relationship Id="rId3" Type="http://schemas.openxmlformats.org/officeDocument/2006/relationships/image" Target="../media/image61.png"/><Relationship Id="rId7" Type="http://schemas.openxmlformats.org/officeDocument/2006/relationships/image" Target="../media/image65.png"/><Relationship Id="rId12" Type="http://schemas.openxmlformats.org/officeDocument/2006/relationships/image" Target="../media/image68.svg"/><Relationship Id="rId2" Type="http://schemas.openxmlformats.org/officeDocument/2006/relationships/image" Target="../media/image60.svg"/><Relationship Id="rId1" Type="http://schemas.openxmlformats.org/officeDocument/2006/relationships/image" Target="../media/image59.png"/><Relationship Id="rId6" Type="http://schemas.openxmlformats.org/officeDocument/2006/relationships/image" Target="../media/image64.svg"/><Relationship Id="rId11" Type="http://schemas.openxmlformats.org/officeDocument/2006/relationships/image" Target="../media/image67.png"/><Relationship Id="rId5" Type="http://schemas.openxmlformats.org/officeDocument/2006/relationships/image" Target="../media/image63.png"/><Relationship Id="rId10" Type="http://schemas.openxmlformats.org/officeDocument/2006/relationships/image" Target="../media/image35.svg"/><Relationship Id="rId4" Type="http://schemas.openxmlformats.org/officeDocument/2006/relationships/image" Target="../media/image62.svg"/><Relationship Id="rId9" Type="http://schemas.openxmlformats.org/officeDocument/2006/relationships/image" Target="../media/image34.png"/></Relationships>
</file>

<file path=ppt/diagrams/_rels/drawing9.xml.rels><?xml version="1.0" encoding="UTF-8" standalone="yes"?>
<Relationships xmlns="http://schemas.openxmlformats.org/package/2006/relationships"><Relationship Id="rId8" Type="http://schemas.openxmlformats.org/officeDocument/2006/relationships/image" Target="../media/image76.svg"/><Relationship Id="rId3" Type="http://schemas.openxmlformats.org/officeDocument/2006/relationships/image" Target="../media/image71.png"/><Relationship Id="rId7" Type="http://schemas.openxmlformats.org/officeDocument/2006/relationships/image" Target="../media/image75.png"/><Relationship Id="rId2" Type="http://schemas.openxmlformats.org/officeDocument/2006/relationships/image" Target="../media/image70.svg"/><Relationship Id="rId1" Type="http://schemas.openxmlformats.org/officeDocument/2006/relationships/image" Target="../media/image69.png"/><Relationship Id="rId6" Type="http://schemas.openxmlformats.org/officeDocument/2006/relationships/image" Target="../media/image74.svg"/><Relationship Id="rId5" Type="http://schemas.openxmlformats.org/officeDocument/2006/relationships/image" Target="../media/image73.png"/><Relationship Id="rId4" Type="http://schemas.openxmlformats.org/officeDocument/2006/relationships/image" Target="../media/image72.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2D3D5C4-A4CD-4749-BF42-59CD6D394409}" type="doc">
      <dgm:prSet loTypeId="urn:microsoft.com/office/officeart/2018/2/layout/IconCircleList" loCatId="icon" qsTypeId="urn:microsoft.com/office/officeart/2005/8/quickstyle/simple1" qsCatId="simple" csTypeId="urn:microsoft.com/office/officeart/2005/8/colors/accent1_2" csCatId="accent1" phldr="1"/>
      <dgm:spPr/>
      <dgm:t>
        <a:bodyPr/>
        <a:lstStyle/>
        <a:p>
          <a:endParaRPr lang="en-US"/>
        </a:p>
      </dgm:t>
    </dgm:pt>
    <dgm:pt modelId="{44BD2A62-C3E4-4CE4-8FB6-FA883438ABCB}">
      <dgm:prSet/>
      <dgm:spPr/>
      <dgm:t>
        <a:bodyPr/>
        <a:lstStyle/>
        <a:p>
          <a:r>
            <a:rPr lang="en-US"/>
            <a:t>Montclair sits along the Watchung ridgeline, so water moves downhill fast</a:t>
          </a:r>
        </a:p>
      </dgm:t>
    </dgm:pt>
    <dgm:pt modelId="{95EAD323-B395-4285-87F3-CCDFD256E888}" type="parTrans" cxnId="{C9D51A61-A426-435C-9CDA-029496BF2995}">
      <dgm:prSet/>
      <dgm:spPr/>
      <dgm:t>
        <a:bodyPr/>
        <a:lstStyle/>
        <a:p>
          <a:endParaRPr lang="en-US"/>
        </a:p>
      </dgm:t>
    </dgm:pt>
    <dgm:pt modelId="{158AA63C-B065-4607-B2DD-AC245BB3DE1B}" type="sibTrans" cxnId="{C9D51A61-A426-435C-9CDA-029496BF2995}">
      <dgm:prSet/>
      <dgm:spPr/>
      <dgm:t>
        <a:bodyPr/>
        <a:lstStyle/>
        <a:p>
          <a:endParaRPr lang="en-US"/>
        </a:p>
      </dgm:t>
    </dgm:pt>
    <dgm:pt modelId="{0804565E-D589-4433-A0AF-6C7A1E538A57}">
      <dgm:prSet/>
      <dgm:spPr/>
      <dgm:t>
        <a:bodyPr/>
        <a:lstStyle/>
        <a:p>
          <a:r>
            <a:rPr lang="en-US"/>
            <a:t>Runoff reaches low points quicker than systems were designed for</a:t>
          </a:r>
        </a:p>
      </dgm:t>
    </dgm:pt>
    <dgm:pt modelId="{44C0E134-3DAD-4E3C-9E6E-0434DCA44D97}" type="parTrans" cxnId="{CAB66DC6-7F95-4B77-BA38-7F658F364678}">
      <dgm:prSet/>
      <dgm:spPr/>
      <dgm:t>
        <a:bodyPr/>
        <a:lstStyle/>
        <a:p>
          <a:endParaRPr lang="en-US"/>
        </a:p>
      </dgm:t>
    </dgm:pt>
    <dgm:pt modelId="{55374EA5-C4E1-417F-937C-034934EAB196}" type="sibTrans" cxnId="{CAB66DC6-7F95-4B77-BA38-7F658F364678}">
      <dgm:prSet/>
      <dgm:spPr/>
      <dgm:t>
        <a:bodyPr/>
        <a:lstStyle/>
        <a:p>
          <a:endParaRPr lang="en-US"/>
        </a:p>
      </dgm:t>
    </dgm:pt>
    <dgm:pt modelId="{0DC6127F-9011-4D56-9EAD-4034E2B3A4A6}">
      <dgm:prSet/>
      <dgm:spPr/>
      <dgm:t>
        <a:bodyPr/>
        <a:lstStyle/>
        <a:p>
          <a:r>
            <a:rPr lang="en-US"/>
            <a:t>Much of the drainage network is legacy infrastructure that was not comprehensively planned when it was installed</a:t>
          </a:r>
        </a:p>
      </dgm:t>
    </dgm:pt>
    <dgm:pt modelId="{67DE8A4D-D2C6-4210-93B2-5F890A6EE6B7}" type="parTrans" cxnId="{DB2653DB-2132-42DE-86FD-9BD2982FAAEF}">
      <dgm:prSet/>
      <dgm:spPr/>
      <dgm:t>
        <a:bodyPr/>
        <a:lstStyle/>
        <a:p>
          <a:endParaRPr lang="en-US"/>
        </a:p>
      </dgm:t>
    </dgm:pt>
    <dgm:pt modelId="{61C9A32B-57C2-4BAB-85ED-FE03D24FE36C}" type="sibTrans" cxnId="{DB2653DB-2132-42DE-86FD-9BD2982FAAEF}">
      <dgm:prSet/>
      <dgm:spPr/>
      <dgm:t>
        <a:bodyPr/>
        <a:lstStyle/>
        <a:p>
          <a:endParaRPr lang="en-US"/>
        </a:p>
      </dgm:t>
    </dgm:pt>
    <dgm:pt modelId="{AE8D5A1A-636B-48E1-8A61-0B4596717EE3}">
      <dgm:prSet/>
      <dgm:spPr/>
      <dgm:t>
        <a:bodyPr/>
        <a:lstStyle/>
        <a:p>
          <a:r>
            <a:rPr lang="en-US"/>
            <a:t>When rainfall intensifies, problems stack up downstream</a:t>
          </a:r>
        </a:p>
      </dgm:t>
    </dgm:pt>
    <dgm:pt modelId="{6AE0DAE2-741D-4E47-9123-6DAD3FB8364D}" type="parTrans" cxnId="{B25B283D-6138-4EAB-94F4-8C14ADA33901}">
      <dgm:prSet/>
      <dgm:spPr/>
      <dgm:t>
        <a:bodyPr/>
        <a:lstStyle/>
        <a:p>
          <a:endParaRPr lang="en-US"/>
        </a:p>
      </dgm:t>
    </dgm:pt>
    <dgm:pt modelId="{20EB6EF0-EA72-4971-B5AD-4AE712529E04}" type="sibTrans" cxnId="{B25B283D-6138-4EAB-94F4-8C14ADA33901}">
      <dgm:prSet/>
      <dgm:spPr/>
      <dgm:t>
        <a:bodyPr/>
        <a:lstStyle/>
        <a:p>
          <a:endParaRPr lang="en-US"/>
        </a:p>
      </dgm:t>
    </dgm:pt>
    <dgm:pt modelId="{FFDD3A68-D661-4818-A673-2C29EA165558}" type="pres">
      <dgm:prSet presAssocID="{12D3D5C4-A4CD-4749-BF42-59CD6D394409}" presName="root" presStyleCnt="0">
        <dgm:presLayoutVars>
          <dgm:dir/>
          <dgm:resizeHandles val="exact"/>
        </dgm:presLayoutVars>
      </dgm:prSet>
      <dgm:spPr/>
    </dgm:pt>
    <dgm:pt modelId="{9ECC6B96-5930-46E5-8A34-0B83380D22C2}" type="pres">
      <dgm:prSet presAssocID="{12D3D5C4-A4CD-4749-BF42-59CD6D394409}" presName="container" presStyleCnt="0">
        <dgm:presLayoutVars>
          <dgm:dir/>
          <dgm:resizeHandles val="exact"/>
        </dgm:presLayoutVars>
      </dgm:prSet>
      <dgm:spPr/>
    </dgm:pt>
    <dgm:pt modelId="{03A52F85-EEA5-46B0-AF95-4D895CF496EE}" type="pres">
      <dgm:prSet presAssocID="{44BD2A62-C3E4-4CE4-8FB6-FA883438ABCB}" presName="compNode" presStyleCnt="0"/>
      <dgm:spPr/>
    </dgm:pt>
    <dgm:pt modelId="{418591CC-52A3-4B2B-98AE-9AE056A29588}" type="pres">
      <dgm:prSet presAssocID="{44BD2A62-C3E4-4CE4-8FB6-FA883438ABCB}" presName="iconBgRect" presStyleLbl="bgShp" presStyleIdx="0" presStyleCnt="4"/>
      <dgm:spPr/>
    </dgm:pt>
    <dgm:pt modelId="{73C76F62-372A-4576-9C6B-FEEA2FFEBBE8}" type="pres">
      <dgm:prSet presAssocID="{44BD2A62-C3E4-4CE4-8FB6-FA883438ABCB}"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Mountains"/>
        </a:ext>
      </dgm:extLst>
    </dgm:pt>
    <dgm:pt modelId="{E67838AA-676A-449E-834B-5785C03FEE87}" type="pres">
      <dgm:prSet presAssocID="{44BD2A62-C3E4-4CE4-8FB6-FA883438ABCB}" presName="spaceRect" presStyleCnt="0"/>
      <dgm:spPr/>
    </dgm:pt>
    <dgm:pt modelId="{9BBC0883-3AAB-4FE3-B21C-EE48E474E39C}" type="pres">
      <dgm:prSet presAssocID="{44BD2A62-C3E4-4CE4-8FB6-FA883438ABCB}" presName="textRect" presStyleLbl="revTx" presStyleIdx="0" presStyleCnt="4">
        <dgm:presLayoutVars>
          <dgm:chMax val="1"/>
          <dgm:chPref val="1"/>
        </dgm:presLayoutVars>
      </dgm:prSet>
      <dgm:spPr/>
    </dgm:pt>
    <dgm:pt modelId="{F3BD6080-1505-4645-8B95-F38F0A25112F}" type="pres">
      <dgm:prSet presAssocID="{158AA63C-B065-4607-B2DD-AC245BB3DE1B}" presName="sibTrans" presStyleLbl="sibTrans2D1" presStyleIdx="0" presStyleCnt="0"/>
      <dgm:spPr/>
    </dgm:pt>
    <dgm:pt modelId="{6733FF9E-56DA-4E55-A2FB-1B877AA17EBC}" type="pres">
      <dgm:prSet presAssocID="{0804565E-D589-4433-A0AF-6C7A1E538A57}" presName="compNode" presStyleCnt="0"/>
      <dgm:spPr/>
    </dgm:pt>
    <dgm:pt modelId="{EB7AE381-2F0C-4EA8-B5A3-82195AB99ACF}" type="pres">
      <dgm:prSet presAssocID="{0804565E-D589-4433-A0AF-6C7A1E538A57}" presName="iconBgRect" presStyleLbl="bgShp" presStyleIdx="1" presStyleCnt="4"/>
      <dgm:spPr/>
    </dgm:pt>
    <dgm:pt modelId="{61BD214A-58F0-4F85-8EBE-0416894C4B9A}" type="pres">
      <dgm:prSet presAssocID="{0804565E-D589-4433-A0AF-6C7A1E538A57}"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heckmark"/>
        </a:ext>
      </dgm:extLst>
    </dgm:pt>
    <dgm:pt modelId="{7796298B-9AA0-4CAB-A9A8-45FF05F9716C}" type="pres">
      <dgm:prSet presAssocID="{0804565E-D589-4433-A0AF-6C7A1E538A57}" presName="spaceRect" presStyleCnt="0"/>
      <dgm:spPr/>
    </dgm:pt>
    <dgm:pt modelId="{9A4F7DA7-2B8F-403A-A8E0-62835E1DE684}" type="pres">
      <dgm:prSet presAssocID="{0804565E-D589-4433-A0AF-6C7A1E538A57}" presName="textRect" presStyleLbl="revTx" presStyleIdx="1" presStyleCnt="4">
        <dgm:presLayoutVars>
          <dgm:chMax val="1"/>
          <dgm:chPref val="1"/>
        </dgm:presLayoutVars>
      </dgm:prSet>
      <dgm:spPr/>
    </dgm:pt>
    <dgm:pt modelId="{C293BD8D-54B3-4AF1-B71B-E6172D3C0F4F}" type="pres">
      <dgm:prSet presAssocID="{55374EA5-C4E1-417F-937C-034934EAB196}" presName="sibTrans" presStyleLbl="sibTrans2D1" presStyleIdx="0" presStyleCnt="0"/>
      <dgm:spPr/>
    </dgm:pt>
    <dgm:pt modelId="{EA495427-0A57-4E60-8371-A19ADF4CA380}" type="pres">
      <dgm:prSet presAssocID="{0DC6127F-9011-4D56-9EAD-4034E2B3A4A6}" presName="compNode" presStyleCnt="0"/>
      <dgm:spPr/>
    </dgm:pt>
    <dgm:pt modelId="{4418CE50-B31C-4E67-96D1-76BF2011B1F6}" type="pres">
      <dgm:prSet presAssocID="{0DC6127F-9011-4D56-9EAD-4034E2B3A4A6}" presName="iconBgRect" presStyleLbl="bgShp" presStyleIdx="2" presStyleCnt="4"/>
      <dgm:spPr/>
    </dgm:pt>
    <dgm:pt modelId="{4B4D676B-6FCB-4D1F-81B8-67E5215907E7}" type="pres">
      <dgm:prSet presAssocID="{0DC6127F-9011-4D56-9EAD-4034E2B3A4A6}"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Bulldozer"/>
        </a:ext>
      </dgm:extLst>
    </dgm:pt>
    <dgm:pt modelId="{9565BF19-D109-41D7-88CB-ED0CAEBC7747}" type="pres">
      <dgm:prSet presAssocID="{0DC6127F-9011-4D56-9EAD-4034E2B3A4A6}" presName="spaceRect" presStyleCnt="0"/>
      <dgm:spPr/>
    </dgm:pt>
    <dgm:pt modelId="{9515DEDC-E705-4F6C-9784-F1C36426B9FD}" type="pres">
      <dgm:prSet presAssocID="{0DC6127F-9011-4D56-9EAD-4034E2B3A4A6}" presName="textRect" presStyleLbl="revTx" presStyleIdx="2" presStyleCnt="4">
        <dgm:presLayoutVars>
          <dgm:chMax val="1"/>
          <dgm:chPref val="1"/>
        </dgm:presLayoutVars>
      </dgm:prSet>
      <dgm:spPr/>
    </dgm:pt>
    <dgm:pt modelId="{C79C9F10-B390-49E6-B590-DBD823015142}" type="pres">
      <dgm:prSet presAssocID="{61C9A32B-57C2-4BAB-85ED-FE03D24FE36C}" presName="sibTrans" presStyleLbl="sibTrans2D1" presStyleIdx="0" presStyleCnt="0"/>
      <dgm:spPr/>
    </dgm:pt>
    <dgm:pt modelId="{08AA914D-ADD6-432A-87E6-4085FCA949D6}" type="pres">
      <dgm:prSet presAssocID="{AE8D5A1A-636B-48E1-8A61-0B4596717EE3}" presName="compNode" presStyleCnt="0"/>
      <dgm:spPr/>
    </dgm:pt>
    <dgm:pt modelId="{D43646CD-B2E6-4083-B67B-FE3813AB76D4}" type="pres">
      <dgm:prSet presAssocID="{AE8D5A1A-636B-48E1-8A61-0B4596717EE3}" presName="iconBgRect" presStyleLbl="bgShp" presStyleIdx="3" presStyleCnt="4"/>
      <dgm:spPr/>
    </dgm:pt>
    <dgm:pt modelId="{2EF65C56-A861-4CF4-8782-8F28166C3AF7}" type="pres">
      <dgm:prSet presAssocID="{AE8D5A1A-636B-48E1-8A61-0B4596717EE3}"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Rain"/>
        </a:ext>
      </dgm:extLst>
    </dgm:pt>
    <dgm:pt modelId="{D2B90B36-B397-41F6-BE1F-53D8B7108F3F}" type="pres">
      <dgm:prSet presAssocID="{AE8D5A1A-636B-48E1-8A61-0B4596717EE3}" presName="spaceRect" presStyleCnt="0"/>
      <dgm:spPr/>
    </dgm:pt>
    <dgm:pt modelId="{5731D73D-D56C-45ED-8694-56299AADB279}" type="pres">
      <dgm:prSet presAssocID="{AE8D5A1A-636B-48E1-8A61-0B4596717EE3}" presName="textRect" presStyleLbl="revTx" presStyleIdx="3" presStyleCnt="4">
        <dgm:presLayoutVars>
          <dgm:chMax val="1"/>
          <dgm:chPref val="1"/>
        </dgm:presLayoutVars>
      </dgm:prSet>
      <dgm:spPr/>
    </dgm:pt>
  </dgm:ptLst>
  <dgm:cxnLst>
    <dgm:cxn modelId="{D39D9913-48CD-4659-AD0F-60432FF4DF5E}" type="presOf" srcId="{55374EA5-C4E1-417F-937C-034934EAB196}" destId="{C293BD8D-54B3-4AF1-B71B-E6172D3C0F4F}" srcOrd="0" destOrd="0" presId="urn:microsoft.com/office/officeart/2018/2/layout/IconCircleList"/>
    <dgm:cxn modelId="{BBF42017-FB3F-44DC-9377-3A37BA756A91}" type="presOf" srcId="{0DC6127F-9011-4D56-9EAD-4034E2B3A4A6}" destId="{9515DEDC-E705-4F6C-9784-F1C36426B9FD}" srcOrd="0" destOrd="0" presId="urn:microsoft.com/office/officeart/2018/2/layout/IconCircleList"/>
    <dgm:cxn modelId="{9559361C-A209-436A-9035-5184619F60B2}" type="presOf" srcId="{12D3D5C4-A4CD-4749-BF42-59CD6D394409}" destId="{FFDD3A68-D661-4818-A673-2C29EA165558}" srcOrd="0" destOrd="0" presId="urn:microsoft.com/office/officeart/2018/2/layout/IconCircleList"/>
    <dgm:cxn modelId="{B25B283D-6138-4EAB-94F4-8C14ADA33901}" srcId="{12D3D5C4-A4CD-4749-BF42-59CD6D394409}" destId="{AE8D5A1A-636B-48E1-8A61-0B4596717EE3}" srcOrd="3" destOrd="0" parTransId="{6AE0DAE2-741D-4E47-9123-6DAD3FB8364D}" sibTransId="{20EB6EF0-EA72-4971-B5AD-4AE712529E04}"/>
    <dgm:cxn modelId="{C9D51A61-A426-435C-9CDA-029496BF2995}" srcId="{12D3D5C4-A4CD-4749-BF42-59CD6D394409}" destId="{44BD2A62-C3E4-4CE4-8FB6-FA883438ABCB}" srcOrd="0" destOrd="0" parTransId="{95EAD323-B395-4285-87F3-CCDFD256E888}" sibTransId="{158AA63C-B065-4607-B2DD-AC245BB3DE1B}"/>
    <dgm:cxn modelId="{DAD81B4F-3397-47C5-A11E-F344C2EB2DA3}" type="presOf" srcId="{158AA63C-B065-4607-B2DD-AC245BB3DE1B}" destId="{F3BD6080-1505-4645-8B95-F38F0A25112F}" srcOrd="0" destOrd="0" presId="urn:microsoft.com/office/officeart/2018/2/layout/IconCircleList"/>
    <dgm:cxn modelId="{A4B4197C-B4CC-403F-BD18-8520DB20346D}" type="presOf" srcId="{61C9A32B-57C2-4BAB-85ED-FE03D24FE36C}" destId="{C79C9F10-B390-49E6-B590-DBD823015142}" srcOrd="0" destOrd="0" presId="urn:microsoft.com/office/officeart/2018/2/layout/IconCircleList"/>
    <dgm:cxn modelId="{3AC35984-75FA-4390-8F47-D08A0F50F584}" type="presOf" srcId="{AE8D5A1A-636B-48E1-8A61-0B4596717EE3}" destId="{5731D73D-D56C-45ED-8694-56299AADB279}" srcOrd="0" destOrd="0" presId="urn:microsoft.com/office/officeart/2018/2/layout/IconCircleList"/>
    <dgm:cxn modelId="{AD6F7796-C258-458E-ADAC-9C51ED001FB6}" type="presOf" srcId="{0804565E-D589-4433-A0AF-6C7A1E538A57}" destId="{9A4F7DA7-2B8F-403A-A8E0-62835E1DE684}" srcOrd="0" destOrd="0" presId="urn:microsoft.com/office/officeart/2018/2/layout/IconCircleList"/>
    <dgm:cxn modelId="{1AD1F5B9-6C48-403F-86E1-0F277C86AF86}" type="presOf" srcId="{44BD2A62-C3E4-4CE4-8FB6-FA883438ABCB}" destId="{9BBC0883-3AAB-4FE3-B21C-EE48E474E39C}" srcOrd="0" destOrd="0" presId="urn:microsoft.com/office/officeart/2018/2/layout/IconCircleList"/>
    <dgm:cxn modelId="{CAB66DC6-7F95-4B77-BA38-7F658F364678}" srcId="{12D3D5C4-A4CD-4749-BF42-59CD6D394409}" destId="{0804565E-D589-4433-A0AF-6C7A1E538A57}" srcOrd="1" destOrd="0" parTransId="{44C0E134-3DAD-4E3C-9E6E-0434DCA44D97}" sibTransId="{55374EA5-C4E1-417F-937C-034934EAB196}"/>
    <dgm:cxn modelId="{DB2653DB-2132-42DE-86FD-9BD2982FAAEF}" srcId="{12D3D5C4-A4CD-4749-BF42-59CD6D394409}" destId="{0DC6127F-9011-4D56-9EAD-4034E2B3A4A6}" srcOrd="2" destOrd="0" parTransId="{67DE8A4D-D2C6-4210-93B2-5F890A6EE6B7}" sibTransId="{61C9A32B-57C2-4BAB-85ED-FE03D24FE36C}"/>
    <dgm:cxn modelId="{AA73247C-2C56-4020-826D-2499ED70830A}" type="presParOf" srcId="{FFDD3A68-D661-4818-A673-2C29EA165558}" destId="{9ECC6B96-5930-46E5-8A34-0B83380D22C2}" srcOrd="0" destOrd="0" presId="urn:microsoft.com/office/officeart/2018/2/layout/IconCircleList"/>
    <dgm:cxn modelId="{D1CABF15-5384-4C77-8427-15F6E31B3DF2}" type="presParOf" srcId="{9ECC6B96-5930-46E5-8A34-0B83380D22C2}" destId="{03A52F85-EEA5-46B0-AF95-4D895CF496EE}" srcOrd="0" destOrd="0" presId="urn:microsoft.com/office/officeart/2018/2/layout/IconCircleList"/>
    <dgm:cxn modelId="{52E9E4C9-0FC1-485C-9EF8-C30888C82CE4}" type="presParOf" srcId="{03A52F85-EEA5-46B0-AF95-4D895CF496EE}" destId="{418591CC-52A3-4B2B-98AE-9AE056A29588}" srcOrd="0" destOrd="0" presId="urn:microsoft.com/office/officeart/2018/2/layout/IconCircleList"/>
    <dgm:cxn modelId="{06FB7324-8BD1-4927-A8BA-D01B4F837BD7}" type="presParOf" srcId="{03A52F85-EEA5-46B0-AF95-4D895CF496EE}" destId="{73C76F62-372A-4576-9C6B-FEEA2FFEBBE8}" srcOrd="1" destOrd="0" presId="urn:microsoft.com/office/officeart/2018/2/layout/IconCircleList"/>
    <dgm:cxn modelId="{3B34BF57-0E7B-4328-98CC-217ED292E072}" type="presParOf" srcId="{03A52F85-EEA5-46B0-AF95-4D895CF496EE}" destId="{E67838AA-676A-449E-834B-5785C03FEE87}" srcOrd="2" destOrd="0" presId="urn:microsoft.com/office/officeart/2018/2/layout/IconCircleList"/>
    <dgm:cxn modelId="{B2ABF2B8-D1D6-4257-8E49-B0309C969195}" type="presParOf" srcId="{03A52F85-EEA5-46B0-AF95-4D895CF496EE}" destId="{9BBC0883-3AAB-4FE3-B21C-EE48E474E39C}" srcOrd="3" destOrd="0" presId="urn:microsoft.com/office/officeart/2018/2/layout/IconCircleList"/>
    <dgm:cxn modelId="{D83F23FE-0B93-4D1E-94E1-2D7D0EAB266E}" type="presParOf" srcId="{9ECC6B96-5930-46E5-8A34-0B83380D22C2}" destId="{F3BD6080-1505-4645-8B95-F38F0A25112F}" srcOrd="1" destOrd="0" presId="urn:microsoft.com/office/officeart/2018/2/layout/IconCircleList"/>
    <dgm:cxn modelId="{7E32C686-191F-440B-AAD6-F3623984E91A}" type="presParOf" srcId="{9ECC6B96-5930-46E5-8A34-0B83380D22C2}" destId="{6733FF9E-56DA-4E55-A2FB-1B877AA17EBC}" srcOrd="2" destOrd="0" presId="urn:microsoft.com/office/officeart/2018/2/layout/IconCircleList"/>
    <dgm:cxn modelId="{20AEE7A5-3C5D-403E-A48F-342DE11E10DC}" type="presParOf" srcId="{6733FF9E-56DA-4E55-A2FB-1B877AA17EBC}" destId="{EB7AE381-2F0C-4EA8-B5A3-82195AB99ACF}" srcOrd="0" destOrd="0" presId="urn:microsoft.com/office/officeart/2018/2/layout/IconCircleList"/>
    <dgm:cxn modelId="{1CCC9C18-424A-499D-9437-DB1B63FFC9E7}" type="presParOf" srcId="{6733FF9E-56DA-4E55-A2FB-1B877AA17EBC}" destId="{61BD214A-58F0-4F85-8EBE-0416894C4B9A}" srcOrd="1" destOrd="0" presId="urn:microsoft.com/office/officeart/2018/2/layout/IconCircleList"/>
    <dgm:cxn modelId="{E503F0EE-609B-4008-A18C-DAC6391E6093}" type="presParOf" srcId="{6733FF9E-56DA-4E55-A2FB-1B877AA17EBC}" destId="{7796298B-9AA0-4CAB-A9A8-45FF05F9716C}" srcOrd="2" destOrd="0" presId="urn:microsoft.com/office/officeart/2018/2/layout/IconCircleList"/>
    <dgm:cxn modelId="{5C7F894F-6C81-4F2E-8DFD-5AF8AC6C92FE}" type="presParOf" srcId="{6733FF9E-56DA-4E55-A2FB-1B877AA17EBC}" destId="{9A4F7DA7-2B8F-403A-A8E0-62835E1DE684}" srcOrd="3" destOrd="0" presId="urn:microsoft.com/office/officeart/2018/2/layout/IconCircleList"/>
    <dgm:cxn modelId="{B91B518E-E239-4C5C-AB41-84A0D6F7FB40}" type="presParOf" srcId="{9ECC6B96-5930-46E5-8A34-0B83380D22C2}" destId="{C293BD8D-54B3-4AF1-B71B-E6172D3C0F4F}" srcOrd="3" destOrd="0" presId="urn:microsoft.com/office/officeart/2018/2/layout/IconCircleList"/>
    <dgm:cxn modelId="{F6C53E0A-6A0C-4430-B53F-5B51601FDB2F}" type="presParOf" srcId="{9ECC6B96-5930-46E5-8A34-0B83380D22C2}" destId="{EA495427-0A57-4E60-8371-A19ADF4CA380}" srcOrd="4" destOrd="0" presId="urn:microsoft.com/office/officeart/2018/2/layout/IconCircleList"/>
    <dgm:cxn modelId="{90A708B3-1EB6-4F0D-ACAE-17E6D742D5E6}" type="presParOf" srcId="{EA495427-0A57-4E60-8371-A19ADF4CA380}" destId="{4418CE50-B31C-4E67-96D1-76BF2011B1F6}" srcOrd="0" destOrd="0" presId="urn:microsoft.com/office/officeart/2018/2/layout/IconCircleList"/>
    <dgm:cxn modelId="{BF4C2F63-A9CE-47FA-A644-16D4B2487A62}" type="presParOf" srcId="{EA495427-0A57-4E60-8371-A19ADF4CA380}" destId="{4B4D676B-6FCB-4D1F-81B8-67E5215907E7}" srcOrd="1" destOrd="0" presId="urn:microsoft.com/office/officeart/2018/2/layout/IconCircleList"/>
    <dgm:cxn modelId="{7EC1BF0F-192B-4EA4-A9CA-95A9DFC8D7BA}" type="presParOf" srcId="{EA495427-0A57-4E60-8371-A19ADF4CA380}" destId="{9565BF19-D109-41D7-88CB-ED0CAEBC7747}" srcOrd="2" destOrd="0" presId="urn:microsoft.com/office/officeart/2018/2/layout/IconCircleList"/>
    <dgm:cxn modelId="{0311CFE9-3B76-45FE-8E48-874F1C712430}" type="presParOf" srcId="{EA495427-0A57-4E60-8371-A19ADF4CA380}" destId="{9515DEDC-E705-4F6C-9784-F1C36426B9FD}" srcOrd="3" destOrd="0" presId="urn:microsoft.com/office/officeart/2018/2/layout/IconCircleList"/>
    <dgm:cxn modelId="{D97CEC0C-48C0-4415-8E3D-D9F8CA58BBAC}" type="presParOf" srcId="{9ECC6B96-5930-46E5-8A34-0B83380D22C2}" destId="{C79C9F10-B390-49E6-B590-DBD823015142}" srcOrd="5" destOrd="0" presId="urn:microsoft.com/office/officeart/2018/2/layout/IconCircleList"/>
    <dgm:cxn modelId="{704DE711-58B3-4A47-92EE-34BA03C8F634}" type="presParOf" srcId="{9ECC6B96-5930-46E5-8A34-0B83380D22C2}" destId="{08AA914D-ADD6-432A-87E6-4085FCA949D6}" srcOrd="6" destOrd="0" presId="urn:microsoft.com/office/officeart/2018/2/layout/IconCircleList"/>
    <dgm:cxn modelId="{5BE948D3-4BA9-481C-89B7-0ABDD509C640}" type="presParOf" srcId="{08AA914D-ADD6-432A-87E6-4085FCA949D6}" destId="{D43646CD-B2E6-4083-B67B-FE3813AB76D4}" srcOrd="0" destOrd="0" presId="urn:microsoft.com/office/officeart/2018/2/layout/IconCircleList"/>
    <dgm:cxn modelId="{5C2E4E2F-6AED-4611-9D86-E1A0B0CD44BE}" type="presParOf" srcId="{08AA914D-ADD6-432A-87E6-4085FCA949D6}" destId="{2EF65C56-A861-4CF4-8782-8F28166C3AF7}" srcOrd="1" destOrd="0" presId="urn:microsoft.com/office/officeart/2018/2/layout/IconCircleList"/>
    <dgm:cxn modelId="{05D28C8B-B9B1-4AA5-84DF-55CBA6D8BD3F}" type="presParOf" srcId="{08AA914D-ADD6-432A-87E6-4085FCA949D6}" destId="{D2B90B36-B397-41F6-BE1F-53D8B7108F3F}" srcOrd="2" destOrd="0" presId="urn:microsoft.com/office/officeart/2018/2/layout/IconCircleList"/>
    <dgm:cxn modelId="{ACFF0533-E1B3-433B-8274-0929F36A69DF}" type="presParOf" srcId="{08AA914D-ADD6-432A-87E6-4085FCA949D6}" destId="{5731D73D-D56C-45ED-8694-56299AADB279}" srcOrd="3" destOrd="0" presId="urn:microsoft.com/office/officeart/2018/2/layout/IconCircle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C1515E50-0C6B-45DF-A2C0-632D70C7E375}" type="doc">
      <dgm:prSet loTypeId="urn:microsoft.com/office/officeart/2005/8/layout/vList2" loCatId="list" qsTypeId="urn:microsoft.com/office/officeart/2005/8/quickstyle/simple1" qsCatId="simple" csTypeId="urn:microsoft.com/office/officeart/2005/8/colors/accent1_2" csCatId="accent1"/>
      <dgm:spPr/>
      <dgm:t>
        <a:bodyPr/>
        <a:lstStyle/>
        <a:p>
          <a:endParaRPr lang="en-US"/>
        </a:p>
      </dgm:t>
    </dgm:pt>
    <dgm:pt modelId="{149B3933-29DF-49FD-B6A7-B91EB3366417}">
      <dgm:prSet/>
      <dgm:spPr/>
      <dgm:t>
        <a:bodyPr/>
        <a:lstStyle/>
        <a:p>
          <a:r>
            <a:rPr lang="en-US"/>
            <a:t>Ida delivered an extreme amount of rain in a short window</a:t>
          </a:r>
        </a:p>
      </dgm:t>
    </dgm:pt>
    <dgm:pt modelId="{372F7A92-2739-4BAA-8EFC-475C9F036C17}" type="parTrans" cxnId="{9629E8B2-6E46-4FA8-8ACA-D00E2FC2E33B}">
      <dgm:prSet/>
      <dgm:spPr/>
      <dgm:t>
        <a:bodyPr/>
        <a:lstStyle/>
        <a:p>
          <a:endParaRPr lang="en-US"/>
        </a:p>
      </dgm:t>
    </dgm:pt>
    <dgm:pt modelId="{7F7B749F-A29B-460A-BEA4-6605785FB870}" type="sibTrans" cxnId="{9629E8B2-6E46-4FA8-8ACA-D00E2FC2E33B}">
      <dgm:prSet/>
      <dgm:spPr/>
      <dgm:t>
        <a:bodyPr/>
        <a:lstStyle/>
        <a:p>
          <a:endParaRPr lang="en-US"/>
        </a:p>
      </dgm:t>
    </dgm:pt>
    <dgm:pt modelId="{B1133E4F-9FC6-44B1-A36E-EF996DDB1430}">
      <dgm:prSet/>
      <dgm:spPr/>
      <dgm:t>
        <a:bodyPr/>
        <a:lstStyle/>
        <a:p>
          <a:r>
            <a:rPr lang="en-US"/>
            <a:t>Stormwater systems were quickly overwhelmed </a:t>
          </a:r>
        </a:p>
      </dgm:t>
    </dgm:pt>
    <dgm:pt modelId="{FBA706FE-D292-4CDF-A085-A289A39F8626}" type="parTrans" cxnId="{4EC7886F-A792-431D-A64C-E99739E6A6D8}">
      <dgm:prSet/>
      <dgm:spPr/>
      <dgm:t>
        <a:bodyPr/>
        <a:lstStyle/>
        <a:p>
          <a:endParaRPr lang="en-US"/>
        </a:p>
      </dgm:t>
    </dgm:pt>
    <dgm:pt modelId="{2DB2BF13-3E8C-4A63-9726-E9C3440CEA47}" type="sibTrans" cxnId="{4EC7886F-A792-431D-A64C-E99739E6A6D8}">
      <dgm:prSet/>
      <dgm:spPr/>
      <dgm:t>
        <a:bodyPr/>
        <a:lstStyle/>
        <a:p>
          <a:endParaRPr lang="en-US"/>
        </a:p>
      </dgm:t>
    </dgm:pt>
    <dgm:pt modelId="{A6B86C61-CAA3-40F7-94C4-2371F5EF3DA6}">
      <dgm:prSet/>
      <dgm:spPr/>
      <dgm:t>
        <a:bodyPr/>
        <a:lstStyle/>
        <a:p>
          <a:r>
            <a:rPr lang="en-US"/>
            <a:t>Streets flooded, properties were damaged, and services were disrupted</a:t>
          </a:r>
        </a:p>
      </dgm:t>
    </dgm:pt>
    <dgm:pt modelId="{AD766C20-0B70-4809-A499-A92A68F4A34A}" type="parTrans" cxnId="{7AEDF605-6E27-4B43-81A6-FD18262E4810}">
      <dgm:prSet/>
      <dgm:spPr/>
      <dgm:t>
        <a:bodyPr/>
        <a:lstStyle/>
        <a:p>
          <a:endParaRPr lang="en-US"/>
        </a:p>
      </dgm:t>
    </dgm:pt>
    <dgm:pt modelId="{01A56CE5-77CC-4A89-995F-F58E9F164F82}" type="sibTrans" cxnId="{7AEDF605-6E27-4B43-81A6-FD18262E4810}">
      <dgm:prSet/>
      <dgm:spPr/>
      <dgm:t>
        <a:bodyPr/>
        <a:lstStyle/>
        <a:p>
          <a:endParaRPr lang="en-US"/>
        </a:p>
      </dgm:t>
    </dgm:pt>
    <dgm:pt modelId="{ECC7758A-504A-464F-964F-0EA747DEDF10}" type="pres">
      <dgm:prSet presAssocID="{C1515E50-0C6B-45DF-A2C0-632D70C7E375}" presName="linear" presStyleCnt="0">
        <dgm:presLayoutVars>
          <dgm:animLvl val="lvl"/>
          <dgm:resizeHandles val="exact"/>
        </dgm:presLayoutVars>
      </dgm:prSet>
      <dgm:spPr/>
    </dgm:pt>
    <dgm:pt modelId="{CBBF7CBD-3597-40AC-A77C-8CD9021B0DB6}" type="pres">
      <dgm:prSet presAssocID="{149B3933-29DF-49FD-B6A7-B91EB3366417}" presName="parentText" presStyleLbl="node1" presStyleIdx="0" presStyleCnt="3">
        <dgm:presLayoutVars>
          <dgm:chMax val="0"/>
          <dgm:bulletEnabled val="1"/>
        </dgm:presLayoutVars>
      </dgm:prSet>
      <dgm:spPr/>
    </dgm:pt>
    <dgm:pt modelId="{D0BF03BA-2DAE-4BBD-8D86-D42A5F7E3D0F}" type="pres">
      <dgm:prSet presAssocID="{7F7B749F-A29B-460A-BEA4-6605785FB870}" presName="spacer" presStyleCnt="0"/>
      <dgm:spPr/>
    </dgm:pt>
    <dgm:pt modelId="{12369AFC-5D6A-4B61-823F-083F65326BCB}" type="pres">
      <dgm:prSet presAssocID="{B1133E4F-9FC6-44B1-A36E-EF996DDB1430}" presName="parentText" presStyleLbl="node1" presStyleIdx="1" presStyleCnt="3">
        <dgm:presLayoutVars>
          <dgm:chMax val="0"/>
          <dgm:bulletEnabled val="1"/>
        </dgm:presLayoutVars>
      </dgm:prSet>
      <dgm:spPr/>
    </dgm:pt>
    <dgm:pt modelId="{C18A56AC-76C4-4DE8-ACE1-78C8CFE6DE94}" type="pres">
      <dgm:prSet presAssocID="{2DB2BF13-3E8C-4A63-9726-E9C3440CEA47}" presName="spacer" presStyleCnt="0"/>
      <dgm:spPr/>
    </dgm:pt>
    <dgm:pt modelId="{12ED8B8A-A4CB-4E5B-926A-A6453815C853}" type="pres">
      <dgm:prSet presAssocID="{A6B86C61-CAA3-40F7-94C4-2371F5EF3DA6}" presName="parentText" presStyleLbl="node1" presStyleIdx="2" presStyleCnt="3">
        <dgm:presLayoutVars>
          <dgm:chMax val="0"/>
          <dgm:bulletEnabled val="1"/>
        </dgm:presLayoutVars>
      </dgm:prSet>
      <dgm:spPr/>
    </dgm:pt>
  </dgm:ptLst>
  <dgm:cxnLst>
    <dgm:cxn modelId="{7AEDF605-6E27-4B43-81A6-FD18262E4810}" srcId="{C1515E50-0C6B-45DF-A2C0-632D70C7E375}" destId="{A6B86C61-CAA3-40F7-94C4-2371F5EF3DA6}" srcOrd="2" destOrd="0" parTransId="{AD766C20-0B70-4809-A499-A92A68F4A34A}" sibTransId="{01A56CE5-77CC-4A89-995F-F58E9F164F82}"/>
    <dgm:cxn modelId="{5013FE61-32F0-4F12-87A6-524959DF40C8}" type="presOf" srcId="{C1515E50-0C6B-45DF-A2C0-632D70C7E375}" destId="{ECC7758A-504A-464F-964F-0EA747DEDF10}" srcOrd="0" destOrd="0" presId="urn:microsoft.com/office/officeart/2005/8/layout/vList2"/>
    <dgm:cxn modelId="{E96D9C63-C9B1-4C4C-893A-C41D8BE47AA4}" type="presOf" srcId="{149B3933-29DF-49FD-B6A7-B91EB3366417}" destId="{CBBF7CBD-3597-40AC-A77C-8CD9021B0DB6}" srcOrd="0" destOrd="0" presId="urn:microsoft.com/office/officeart/2005/8/layout/vList2"/>
    <dgm:cxn modelId="{4EC7886F-A792-431D-A64C-E99739E6A6D8}" srcId="{C1515E50-0C6B-45DF-A2C0-632D70C7E375}" destId="{B1133E4F-9FC6-44B1-A36E-EF996DDB1430}" srcOrd="1" destOrd="0" parTransId="{FBA706FE-D292-4CDF-A085-A289A39F8626}" sibTransId="{2DB2BF13-3E8C-4A63-9726-E9C3440CEA47}"/>
    <dgm:cxn modelId="{99466A94-7826-4D21-8FDE-5B9908EC9BA7}" type="presOf" srcId="{B1133E4F-9FC6-44B1-A36E-EF996DDB1430}" destId="{12369AFC-5D6A-4B61-823F-083F65326BCB}" srcOrd="0" destOrd="0" presId="urn:microsoft.com/office/officeart/2005/8/layout/vList2"/>
    <dgm:cxn modelId="{9629E8B2-6E46-4FA8-8ACA-D00E2FC2E33B}" srcId="{C1515E50-0C6B-45DF-A2C0-632D70C7E375}" destId="{149B3933-29DF-49FD-B6A7-B91EB3366417}" srcOrd="0" destOrd="0" parTransId="{372F7A92-2739-4BAA-8EFC-475C9F036C17}" sibTransId="{7F7B749F-A29B-460A-BEA4-6605785FB870}"/>
    <dgm:cxn modelId="{FDCCD1ED-DD3D-40DD-B073-0075F960329E}" type="presOf" srcId="{A6B86C61-CAA3-40F7-94C4-2371F5EF3DA6}" destId="{12ED8B8A-A4CB-4E5B-926A-A6453815C853}" srcOrd="0" destOrd="0" presId="urn:microsoft.com/office/officeart/2005/8/layout/vList2"/>
    <dgm:cxn modelId="{4C771B15-8CFF-48AD-BC80-C01A1C224AE6}" type="presParOf" srcId="{ECC7758A-504A-464F-964F-0EA747DEDF10}" destId="{CBBF7CBD-3597-40AC-A77C-8CD9021B0DB6}" srcOrd="0" destOrd="0" presId="urn:microsoft.com/office/officeart/2005/8/layout/vList2"/>
    <dgm:cxn modelId="{6060A419-4D00-4764-B7C1-3706236E0F3F}" type="presParOf" srcId="{ECC7758A-504A-464F-964F-0EA747DEDF10}" destId="{D0BF03BA-2DAE-4BBD-8D86-D42A5F7E3D0F}" srcOrd="1" destOrd="0" presId="urn:microsoft.com/office/officeart/2005/8/layout/vList2"/>
    <dgm:cxn modelId="{778FEBA7-E789-44BA-937D-2A0980638538}" type="presParOf" srcId="{ECC7758A-504A-464F-964F-0EA747DEDF10}" destId="{12369AFC-5D6A-4B61-823F-083F65326BCB}" srcOrd="2" destOrd="0" presId="urn:microsoft.com/office/officeart/2005/8/layout/vList2"/>
    <dgm:cxn modelId="{D50D6018-D55A-41B3-9878-D43A972E45C4}" type="presParOf" srcId="{ECC7758A-504A-464F-964F-0EA747DEDF10}" destId="{C18A56AC-76C4-4DE8-ACE1-78C8CFE6DE94}" srcOrd="3" destOrd="0" presId="urn:microsoft.com/office/officeart/2005/8/layout/vList2"/>
    <dgm:cxn modelId="{61339914-06BF-44BA-A259-38A808E05157}" type="presParOf" srcId="{ECC7758A-504A-464F-964F-0EA747DEDF10}" destId="{12ED8B8A-A4CB-4E5B-926A-A6453815C853}" srcOrd="4" destOrd="0" presId="urn:microsoft.com/office/officeart/2005/8/layout/vList2"/>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7B6C9FD-363E-4416-A241-1AE9C10AD68F}"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5A53598A-4835-4D7D-99F8-439D7E2C7061}">
      <dgm:prSet/>
      <dgm:spPr/>
      <dgm:t>
        <a:bodyPr/>
        <a:lstStyle/>
        <a:p>
          <a:pPr>
            <a:lnSpc>
              <a:spcPct val="100000"/>
            </a:lnSpc>
          </a:pPr>
          <a:r>
            <a:rPr lang="en-US"/>
            <a:t>Ida gave the Township a shared understanding of risk</a:t>
          </a:r>
        </a:p>
      </dgm:t>
    </dgm:pt>
    <dgm:pt modelId="{F865083D-4888-400C-A545-01614736A336}" type="parTrans" cxnId="{5DFCBC6F-E655-466E-AC73-5F1C9B06DA34}">
      <dgm:prSet/>
      <dgm:spPr/>
      <dgm:t>
        <a:bodyPr/>
        <a:lstStyle/>
        <a:p>
          <a:endParaRPr lang="en-US"/>
        </a:p>
      </dgm:t>
    </dgm:pt>
    <dgm:pt modelId="{3DB0CF96-82D8-4F91-9B59-FAB54A460A5C}" type="sibTrans" cxnId="{5DFCBC6F-E655-466E-AC73-5F1C9B06DA34}">
      <dgm:prSet/>
      <dgm:spPr/>
      <dgm:t>
        <a:bodyPr/>
        <a:lstStyle/>
        <a:p>
          <a:endParaRPr lang="en-US"/>
        </a:p>
      </dgm:t>
    </dgm:pt>
    <dgm:pt modelId="{F038F690-AA0C-42E9-8082-0DECC2FF140A}">
      <dgm:prSet/>
      <dgm:spPr/>
      <dgm:t>
        <a:bodyPr/>
        <a:lstStyle/>
        <a:p>
          <a:pPr>
            <a:lnSpc>
              <a:spcPct val="100000"/>
            </a:lnSpc>
          </a:pPr>
          <a:r>
            <a:rPr lang="en-US" dirty="0"/>
            <a:t>The next step was deciding what that meant for planning</a:t>
          </a:r>
        </a:p>
      </dgm:t>
    </dgm:pt>
    <dgm:pt modelId="{7BB2464D-DBC4-42F0-AA8B-C57A78616F6C}" type="parTrans" cxnId="{FAA2CCA9-FD50-40AD-A512-22C2C8BAD0B5}">
      <dgm:prSet/>
      <dgm:spPr/>
      <dgm:t>
        <a:bodyPr/>
        <a:lstStyle/>
        <a:p>
          <a:endParaRPr lang="en-US"/>
        </a:p>
      </dgm:t>
    </dgm:pt>
    <dgm:pt modelId="{1C9660D9-87B8-4E26-88EA-C97D3F410096}" type="sibTrans" cxnId="{FAA2CCA9-FD50-40AD-A512-22C2C8BAD0B5}">
      <dgm:prSet/>
      <dgm:spPr/>
      <dgm:t>
        <a:bodyPr/>
        <a:lstStyle/>
        <a:p>
          <a:endParaRPr lang="en-US"/>
        </a:p>
      </dgm:t>
    </dgm:pt>
    <dgm:pt modelId="{AC8C1670-C08A-446C-87F1-C95CEE31FCDE}">
      <dgm:prSet/>
      <dgm:spPr/>
      <dgm:t>
        <a:bodyPr/>
        <a:lstStyle/>
        <a:p>
          <a:pPr>
            <a:lnSpc>
              <a:spcPct val="100000"/>
            </a:lnSpc>
          </a:pPr>
          <a:r>
            <a:rPr lang="en-US" dirty="0"/>
            <a:t>Looking at each risk helped point us toward specific actions that could strengthen local resilience.</a:t>
          </a:r>
        </a:p>
      </dgm:t>
    </dgm:pt>
    <dgm:pt modelId="{5FE75080-D1A0-4F98-B2D0-CB5095510273}" type="parTrans" cxnId="{0101B97F-C95F-4BC7-9BB5-72778F7A9C22}">
      <dgm:prSet/>
      <dgm:spPr/>
      <dgm:t>
        <a:bodyPr/>
        <a:lstStyle/>
        <a:p>
          <a:endParaRPr lang="en-US"/>
        </a:p>
      </dgm:t>
    </dgm:pt>
    <dgm:pt modelId="{71E8265C-637F-43B8-9217-7F4422BB080C}" type="sibTrans" cxnId="{0101B97F-C95F-4BC7-9BB5-72778F7A9C22}">
      <dgm:prSet/>
      <dgm:spPr/>
      <dgm:t>
        <a:bodyPr/>
        <a:lstStyle/>
        <a:p>
          <a:endParaRPr lang="en-US"/>
        </a:p>
      </dgm:t>
    </dgm:pt>
    <dgm:pt modelId="{7A29563A-0C89-4ECA-8462-DBF370C09C5B}" type="pres">
      <dgm:prSet presAssocID="{57B6C9FD-363E-4416-A241-1AE9C10AD68F}" presName="root" presStyleCnt="0">
        <dgm:presLayoutVars>
          <dgm:dir/>
          <dgm:resizeHandles val="exact"/>
        </dgm:presLayoutVars>
      </dgm:prSet>
      <dgm:spPr/>
    </dgm:pt>
    <dgm:pt modelId="{0249D95C-22D5-4D6A-BB0B-CEA4A5BA0696}" type="pres">
      <dgm:prSet presAssocID="{5A53598A-4835-4D7D-99F8-439D7E2C7061}" presName="compNode" presStyleCnt="0"/>
      <dgm:spPr/>
    </dgm:pt>
    <dgm:pt modelId="{21B40550-8538-496A-A510-3027CBBEFC9B}" type="pres">
      <dgm:prSet presAssocID="{5A53598A-4835-4D7D-99F8-439D7E2C7061}" presName="bgRect" presStyleLbl="bgShp" presStyleIdx="0" presStyleCnt="3"/>
      <dgm:spPr/>
    </dgm:pt>
    <dgm:pt modelId="{E5720AB7-EE4E-443D-A162-4EB0BA7AB233}" type="pres">
      <dgm:prSet presAssocID="{5A53598A-4835-4D7D-99F8-439D7E2C7061}"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Handshake"/>
        </a:ext>
      </dgm:extLst>
    </dgm:pt>
    <dgm:pt modelId="{D9D70CF0-EBE8-4723-8F82-F09344B0157A}" type="pres">
      <dgm:prSet presAssocID="{5A53598A-4835-4D7D-99F8-439D7E2C7061}" presName="spaceRect" presStyleCnt="0"/>
      <dgm:spPr/>
    </dgm:pt>
    <dgm:pt modelId="{9553A492-ACE4-43E8-AEC8-C7435A4FE268}" type="pres">
      <dgm:prSet presAssocID="{5A53598A-4835-4D7D-99F8-439D7E2C7061}" presName="parTx" presStyleLbl="revTx" presStyleIdx="0" presStyleCnt="3">
        <dgm:presLayoutVars>
          <dgm:chMax val="0"/>
          <dgm:chPref val="0"/>
        </dgm:presLayoutVars>
      </dgm:prSet>
      <dgm:spPr/>
    </dgm:pt>
    <dgm:pt modelId="{A5D8D93E-26C8-4112-833A-D28969017B86}" type="pres">
      <dgm:prSet presAssocID="{3DB0CF96-82D8-4F91-9B59-FAB54A460A5C}" presName="sibTrans" presStyleCnt="0"/>
      <dgm:spPr/>
    </dgm:pt>
    <dgm:pt modelId="{2B10FA0B-DF0A-4E03-824E-2A2C49656068}" type="pres">
      <dgm:prSet presAssocID="{F038F690-AA0C-42E9-8082-0DECC2FF140A}" presName="compNode" presStyleCnt="0"/>
      <dgm:spPr/>
    </dgm:pt>
    <dgm:pt modelId="{0D5BEA24-F800-4A7D-85AA-B72590A6EFE1}" type="pres">
      <dgm:prSet presAssocID="{F038F690-AA0C-42E9-8082-0DECC2FF140A}" presName="bgRect" presStyleLbl="bgShp" presStyleIdx="1" presStyleCnt="3"/>
      <dgm:spPr/>
    </dgm:pt>
    <dgm:pt modelId="{C88C373C-A25A-4700-817E-E8AEE034BF8A}" type="pres">
      <dgm:prSet presAssocID="{F038F690-AA0C-42E9-8082-0DECC2FF140A}"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heckmark"/>
        </a:ext>
      </dgm:extLst>
    </dgm:pt>
    <dgm:pt modelId="{B773FD09-938D-4D3A-98D1-0693BF8A43EA}" type="pres">
      <dgm:prSet presAssocID="{F038F690-AA0C-42E9-8082-0DECC2FF140A}" presName="spaceRect" presStyleCnt="0"/>
      <dgm:spPr/>
    </dgm:pt>
    <dgm:pt modelId="{F826D487-C61F-4535-A36B-88E2FEAEA863}" type="pres">
      <dgm:prSet presAssocID="{F038F690-AA0C-42E9-8082-0DECC2FF140A}" presName="parTx" presStyleLbl="revTx" presStyleIdx="1" presStyleCnt="3">
        <dgm:presLayoutVars>
          <dgm:chMax val="0"/>
          <dgm:chPref val="0"/>
        </dgm:presLayoutVars>
      </dgm:prSet>
      <dgm:spPr/>
    </dgm:pt>
    <dgm:pt modelId="{B9DD8099-ABE3-40FB-837D-FD538FEBBB02}" type="pres">
      <dgm:prSet presAssocID="{1C9660D9-87B8-4E26-88EA-C97D3F410096}" presName="sibTrans" presStyleCnt="0"/>
      <dgm:spPr/>
    </dgm:pt>
    <dgm:pt modelId="{F9F09488-C642-4B2A-BA99-1D6C4CF23B27}" type="pres">
      <dgm:prSet presAssocID="{AC8C1670-C08A-446C-87F1-C95CEE31FCDE}" presName="compNode" presStyleCnt="0"/>
      <dgm:spPr/>
    </dgm:pt>
    <dgm:pt modelId="{2AF6CB09-A9B8-4A80-AC27-903C4D3BB985}" type="pres">
      <dgm:prSet presAssocID="{AC8C1670-C08A-446C-87F1-C95CEE31FCDE}" presName="bgRect" presStyleLbl="bgShp" presStyleIdx="2" presStyleCnt="3"/>
      <dgm:spPr/>
    </dgm:pt>
    <dgm:pt modelId="{335A419C-58DA-4EC9-8A94-644A07B5242A}" type="pres">
      <dgm:prSet presAssocID="{AC8C1670-C08A-446C-87F1-C95CEE31FCDE}"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Warning"/>
        </a:ext>
      </dgm:extLst>
    </dgm:pt>
    <dgm:pt modelId="{CA4F818D-5859-45A8-9C5E-3A6EF14D016B}" type="pres">
      <dgm:prSet presAssocID="{AC8C1670-C08A-446C-87F1-C95CEE31FCDE}" presName="spaceRect" presStyleCnt="0"/>
      <dgm:spPr/>
    </dgm:pt>
    <dgm:pt modelId="{155484A5-29ED-4E41-B0A8-7DC40501725C}" type="pres">
      <dgm:prSet presAssocID="{AC8C1670-C08A-446C-87F1-C95CEE31FCDE}" presName="parTx" presStyleLbl="revTx" presStyleIdx="2" presStyleCnt="3">
        <dgm:presLayoutVars>
          <dgm:chMax val="0"/>
          <dgm:chPref val="0"/>
        </dgm:presLayoutVars>
      </dgm:prSet>
      <dgm:spPr/>
    </dgm:pt>
  </dgm:ptLst>
  <dgm:cxnLst>
    <dgm:cxn modelId="{5DFCBC6F-E655-466E-AC73-5F1C9B06DA34}" srcId="{57B6C9FD-363E-4416-A241-1AE9C10AD68F}" destId="{5A53598A-4835-4D7D-99F8-439D7E2C7061}" srcOrd="0" destOrd="0" parTransId="{F865083D-4888-400C-A545-01614736A336}" sibTransId="{3DB0CF96-82D8-4F91-9B59-FAB54A460A5C}"/>
    <dgm:cxn modelId="{0101B97F-C95F-4BC7-9BB5-72778F7A9C22}" srcId="{57B6C9FD-363E-4416-A241-1AE9C10AD68F}" destId="{AC8C1670-C08A-446C-87F1-C95CEE31FCDE}" srcOrd="2" destOrd="0" parTransId="{5FE75080-D1A0-4F98-B2D0-CB5095510273}" sibTransId="{71E8265C-637F-43B8-9217-7F4422BB080C}"/>
    <dgm:cxn modelId="{91C7618F-1480-4FF6-B5D0-DCD9661BC390}" type="presOf" srcId="{F038F690-AA0C-42E9-8082-0DECC2FF140A}" destId="{F826D487-C61F-4535-A36B-88E2FEAEA863}" srcOrd="0" destOrd="0" presId="urn:microsoft.com/office/officeart/2018/2/layout/IconVerticalSolidList"/>
    <dgm:cxn modelId="{2F935594-6A56-48DB-9643-257D29CD7454}" type="presOf" srcId="{AC8C1670-C08A-446C-87F1-C95CEE31FCDE}" destId="{155484A5-29ED-4E41-B0A8-7DC40501725C}" srcOrd="0" destOrd="0" presId="urn:microsoft.com/office/officeart/2018/2/layout/IconVerticalSolidList"/>
    <dgm:cxn modelId="{69E85BA4-5AA9-475F-8919-1258BD331258}" type="presOf" srcId="{5A53598A-4835-4D7D-99F8-439D7E2C7061}" destId="{9553A492-ACE4-43E8-AEC8-C7435A4FE268}" srcOrd="0" destOrd="0" presId="urn:microsoft.com/office/officeart/2018/2/layout/IconVerticalSolidList"/>
    <dgm:cxn modelId="{A71EBAA9-F52D-4FE7-9855-B3ECA76B2B93}" type="presOf" srcId="{57B6C9FD-363E-4416-A241-1AE9C10AD68F}" destId="{7A29563A-0C89-4ECA-8462-DBF370C09C5B}" srcOrd="0" destOrd="0" presId="urn:microsoft.com/office/officeart/2018/2/layout/IconVerticalSolidList"/>
    <dgm:cxn modelId="{FAA2CCA9-FD50-40AD-A512-22C2C8BAD0B5}" srcId="{57B6C9FD-363E-4416-A241-1AE9C10AD68F}" destId="{F038F690-AA0C-42E9-8082-0DECC2FF140A}" srcOrd="1" destOrd="0" parTransId="{7BB2464D-DBC4-42F0-AA8B-C57A78616F6C}" sibTransId="{1C9660D9-87B8-4E26-88EA-C97D3F410096}"/>
    <dgm:cxn modelId="{3A4E005D-9331-4765-9166-89CF3054B394}" type="presParOf" srcId="{7A29563A-0C89-4ECA-8462-DBF370C09C5B}" destId="{0249D95C-22D5-4D6A-BB0B-CEA4A5BA0696}" srcOrd="0" destOrd="0" presId="urn:microsoft.com/office/officeart/2018/2/layout/IconVerticalSolidList"/>
    <dgm:cxn modelId="{7274B610-93AF-4B40-A457-7F0F42148EC6}" type="presParOf" srcId="{0249D95C-22D5-4D6A-BB0B-CEA4A5BA0696}" destId="{21B40550-8538-496A-A510-3027CBBEFC9B}" srcOrd="0" destOrd="0" presId="urn:microsoft.com/office/officeart/2018/2/layout/IconVerticalSolidList"/>
    <dgm:cxn modelId="{F6EB7106-F604-411B-A08F-7FC052D80A10}" type="presParOf" srcId="{0249D95C-22D5-4D6A-BB0B-CEA4A5BA0696}" destId="{E5720AB7-EE4E-443D-A162-4EB0BA7AB233}" srcOrd="1" destOrd="0" presId="urn:microsoft.com/office/officeart/2018/2/layout/IconVerticalSolidList"/>
    <dgm:cxn modelId="{35F4A4C2-6780-49EC-9C57-86F7BE0E2434}" type="presParOf" srcId="{0249D95C-22D5-4D6A-BB0B-CEA4A5BA0696}" destId="{D9D70CF0-EBE8-4723-8F82-F09344B0157A}" srcOrd="2" destOrd="0" presId="urn:microsoft.com/office/officeart/2018/2/layout/IconVerticalSolidList"/>
    <dgm:cxn modelId="{2E61FC00-E2F1-47FB-B457-96E8D3CD044E}" type="presParOf" srcId="{0249D95C-22D5-4D6A-BB0B-CEA4A5BA0696}" destId="{9553A492-ACE4-43E8-AEC8-C7435A4FE268}" srcOrd="3" destOrd="0" presId="urn:microsoft.com/office/officeart/2018/2/layout/IconVerticalSolidList"/>
    <dgm:cxn modelId="{FA04955D-93E6-421A-9403-0D88B9AA86AF}" type="presParOf" srcId="{7A29563A-0C89-4ECA-8462-DBF370C09C5B}" destId="{A5D8D93E-26C8-4112-833A-D28969017B86}" srcOrd="1" destOrd="0" presId="urn:microsoft.com/office/officeart/2018/2/layout/IconVerticalSolidList"/>
    <dgm:cxn modelId="{686090B5-38DE-43DF-9853-0569C5416AD6}" type="presParOf" srcId="{7A29563A-0C89-4ECA-8462-DBF370C09C5B}" destId="{2B10FA0B-DF0A-4E03-824E-2A2C49656068}" srcOrd="2" destOrd="0" presId="urn:microsoft.com/office/officeart/2018/2/layout/IconVerticalSolidList"/>
    <dgm:cxn modelId="{917DC5B1-EDD9-4910-9FF6-87ECE2F49B8C}" type="presParOf" srcId="{2B10FA0B-DF0A-4E03-824E-2A2C49656068}" destId="{0D5BEA24-F800-4A7D-85AA-B72590A6EFE1}" srcOrd="0" destOrd="0" presId="urn:microsoft.com/office/officeart/2018/2/layout/IconVerticalSolidList"/>
    <dgm:cxn modelId="{57828B3B-A880-4CF5-843C-C9DCBF84C18C}" type="presParOf" srcId="{2B10FA0B-DF0A-4E03-824E-2A2C49656068}" destId="{C88C373C-A25A-4700-817E-E8AEE034BF8A}" srcOrd="1" destOrd="0" presId="urn:microsoft.com/office/officeart/2018/2/layout/IconVerticalSolidList"/>
    <dgm:cxn modelId="{2BB5B534-9017-42C8-968C-CE61B5A99F0B}" type="presParOf" srcId="{2B10FA0B-DF0A-4E03-824E-2A2C49656068}" destId="{B773FD09-938D-4D3A-98D1-0693BF8A43EA}" srcOrd="2" destOrd="0" presId="urn:microsoft.com/office/officeart/2018/2/layout/IconVerticalSolidList"/>
    <dgm:cxn modelId="{647D4034-688B-4060-A03E-1A174B8806DF}" type="presParOf" srcId="{2B10FA0B-DF0A-4E03-824E-2A2C49656068}" destId="{F826D487-C61F-4535-A36B-88E2FEAEA863}" srcOrd="3" destOrd="0" presId="urn:microsoft.com/office/officeart/2018/2/layout/IconVerticalSolidList"/>
    <dgm:cxn modelId="{B4CBC9AE-23D2-4FAF-AA7A-1E87F8ED4D59}" type="presParOf" srcId="{7A29563A-0C89-4ECA-8462-DBF370C09C5B}" destId="{B9DD8099-ABE3-40FB-837D-FD538FEBBB02}" srcOrd="3" destOrd="0" presId="urn:microsoft.com/office/officeart/2018/2/layout/IconVerticalSolidList"/>
    <dgm:cxn modelId="{09C31D01-0654-4D07-8982-D68AFE552C42}" type="presParOf" srcId="{7A29563A-0C89-4ECA-8462-DBF370C09C5B}" destId="{F9F09488-C642-4B2A-BA99-1D6C4CF23B27}" srcOrd="4" destOrd="0" presId="urn:microsoft.com/office/officeart/2018/2/layout/IconVerticalSolidList"/>
    <dgm:cxn modelId="{5D323941-E9EA-4F7E-82DD-AF1E4BA3E87E}" type="presParOf" srcId="{F9F09488-C642-4B2A-BA99-1D6C4CF23B27}" destId="{2AF6CB09-A9B8-4A80-AC27-903C4D3BB985}" srcOrd="0" destOrd="0" presId="urn:microsoft.com/office/officeart/2018/2/layout/IconVerticalSolidList"/>
    <dgm:cxn modelId="{CC2B8B2C-06A2-45CF-A08F-0E1B1CB0939B}" type="presParOf" srcId="{F9F09488-C642-4B2A-BA99-1D6C4CF23B27}" destId="{335A419C-58DA-4EC9-8A94-644A07B5242A}" srcOrd="1" destOrd="0" presId="urn:microsoft.com/office/officeart/2018/2/layout/IconVerticalSolidList"/>
    <dgm:cxn modelId="{08B3C7D2-C6BA-4051-A951-820B8D55730D}" type="presParOf" srcId="{F9F09488-C642-4B2A-BA99-1D6C4CF23B27}" destId="{CA4F818D-5859-45A8-9C5E-3A6EF14D016B}" srcOrd="2" destOrd="0" presId="urn:microsoft.com/office/officeart/2018/2/layout/IconVerticalSolidList"/>
    <dgm:cxn modelId="{AD5A0CB0-8D39-4046-BEC8-A8C83C66D867}" type="presParOf" srcId="{F9F09488-C642-4B2A-BA99-1D6C4CF23B27}" destId="{155484A5-29ED-4E41-B0A8-7DC40501725C}"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E0874E0-E591-4846-84E3-945695AD0420}" type="doc">
      <dgm:prSet loTypeId="urn:microsoft.com/office/officeart/2018/2/layout/IconCircleList" loCatId="icon" qsTypeId="urn:microsoft.com/office/officeart/2005/8/quickstyle/simple1" qsCatId="simple" csTypeId="urn:microsoft.com/office/officeart/2005/8/colors/accent1_2" csCatId="accent1" phldr="1"/>
      <dgm:spPr/>
      <dgm:t>
        <a:bodyPr/>
        <a:lstStyle/>
        <a:p>
          <a:endParaRPr lang="en-US"/>
        </a:p>
      </dgm:t>
    </dgm:pt>
    <dgm:pt modelId="{68FDC822-8476-46E0-AE58-2AA0E6038061}">
      <dgm:prSet/>
      <dgm:spPr/>
      <dgm:t>
        <a:bodyPr/>
        <a:lstStyle/>
        <a:p>
          <a:r>
            <a:rPr lang="en-US"/>
            <a:t>About 2,150 parcels in town are exposed to flooding</a:t>
          </a:r>
        </a:p>
      </dgm:t>
    </dgm:pt>
    <dgm:pt modelId="{060D22D7-2CF9-43C8-AD7D-E6638EA890F4}" type="parTrans" cxnId="{D8D0C691-7425-44E8-81CF-B42241B9BC07}">
      <dgm:prSet/>
      <dgm:spPr/>
      <dgm:t>
        <a:bodyPr/>
        <a:lstStyle/>
        <a:p>
          <a:endParaRPr lang="en-US"/>
        </a:p>
      </dgm:t>
    </dgm:pt>
    <dgm:pt modelId="{351CC02C-50F3-47E9-80D1-8321FD3A2AC0}" type="sibTrans" cxnId="{D8D0C691-7425-44E8-81CF-B42241B9BC07}">
      <dgm:prSet/>
      <dgm:spPr/>
      <dgm:t>
        <a:bodyPr/>
        <a:lstStyle/>
        <a:p>
          <a:endParaRPr lang="en-US"/>
        </a:p>
      </dgm:t>
    </dgm:pt>
    <dgm:pt modelId="{46CF7D31-92DA-46C1-99C4-188E5B12A5E3}">
      <dgm:prSet/>
      <dgm:spPr/>
      <dgm:t>
        <a:bodyPr/>
        <a:lstStyle/>
        <a:p>
          <a:r>
            <a:rPr lang="en-US"/>
            <a:t>That represents more than $1.37 billion in assessed property value</a:t>
          </a:r>
        </a:p>
      </dgm:t>
    </dgm:pt>
    <dgm:pt modelId="{11E5BA70-5055-4C45-81E0-E90310D9E17E}" type="parTrans" cxnId="{23444431-788D-4914-B943-E6A1349626A7}">
      <dgm:prSet/>
      <dgm:spPr/>
      <dgm:t>
        <a:bodyPr/>
        <a:lstStyle/>
        <a:p>
          <a:endParaRPr lang="en-US"/>
        </a:p>
      </dgm:t>
    </dgm:pt>
    <dgm:pt modelId="{328BB29D-1381-4670-AAD5-646D6C67BE42}" type="sibTrans" cxnId="{23444431-788D-4914-B943-E6A1349626A7}">
      <dgm:prSet/>
      <dgm:spPr/>
      <dgm:t>
        <a:bodyPr/>
        <a:lstStyle/>
        <a:p>
          <a:endParaRPr lang="en-US"/>
        </a:p>
      </dgm:t>
    </dgm:pt>
    <dgm:pt modelId="{8447F874-5EF8-4DF7-A498-83F805DE3AA9}">
      <dgm:prSet/>
      <dgm:spPr/>
      <dgm:t>
        <a:bodyPr/>
        <a:lstStyle/>
        <a:p>
          <a:r>
            <a:rPr lang="en-US"/>
            <a:t>Roughly $45 million in annual municipal tax revenue is tied to those areas</a:t>
          </a:r>
        </a:p>
      </dgm:t>
    </dgm:pt>
    <dgm:pt modelId="{2CB3AB45-1BB8-41FE-BCFF-95A7A2E9DFF5}" type="parTrans" cxnId="{438D5EDA-D64C-464B-AFDC-2065E55508F7}">
      <dgm:prSet/>
      <dgm:spPr/>
      <dgm:t>
        <a:bodyPr/>
        <a:lstStyle/>
        <a:p>
          <a:endParaRPr lang="en-US"/>
        </a:p>
      </dgm:t>
    </dgm:pt>
    <dgm:pt modelId="{FDF051F7-C338-43ED-9EF5-CE3854931710}" type="sibTrans" cxnId="{438D5EDA-D64C-464B-AFDC-2065E55508F7}">
      <dgm:prSet/>
      <dgm:spPr/>
      <dgm:t>
        <a:bodyPr/>
        <a:lstStyle/>
        <a:p>
          <a:endParaRPr lang="en-US"/>
        </a:p>
      </dgm:t>
    </dgm:pt>
    <dgm:pt modelId="{B62D5DFB-EF7B-4246-8FB0-81BCBBBC21B8}">
      <dgm:prSet/>
      <dgm:spPr/>
      <dgm:t>
        <a:bodyPr/>
        <a:lstStyle/>
        <a:p>
          <a:r>
            <a:rPr lang="en-US" dirty="0"/>
            <a:t>Flooding isn’t just a safety issue — it’s also a fiscal issue</a:t>
          </a:r>
        </a:p>
      </dgm:t>
    </dgm:pt>
    <dgm:pt modelId="{9FA91ED0-65A7-4330-9956-AEA43499747D}" type="parTrans" cxnId="{7C723C21-971D-4CED-8D74-CA97B9A60821}">
      <dgm:prSet/>
      <dgm:spPr/>
      <dgm:t>
        <a:bodyPr/>
        <a:lstStyle/>
        <a:p>
          <a:endParaRPr lang="en-US"/>
        </a:p>
      </dgm:t>
    </dgm:pt>
    <dgm:pt modelId="{3D485A86-F543-4248-A6AD-94669B77E9E5}" type="sibTrans" cxnId="{7C723C21-971D-4CED-8D74-CA97B9A60821}">
      <dgm:prSet/>
      <dgm:spPr/>
      <dgm:t>
        <a:bodyPr/>
        <a:lstStyle/>
        <a:p>
          <a:endParaRPr lang="en-US"/>
        </a:p>
      </dgm:t>
    </dgm:pt>
    <dgm:pt modelId="{F4FDA925-0095-415B-A230-2CCBA0B15905}" type="pres">
      <dgm:prSet presAssocID="{BE0874E0-E591-4846-84E3-945695AD0420}" presName="root" presStyleCnt="0">
        <dgm:presLayoutVars>
          <dgm:dir/>
          <dgm:resizeHandles val="exact"/>
        </dgm:presLayoutVars>
      </dgm:prSet>
      <dgm:spPr/>
    </dgm:pt>
    <dgm:pt modelId="{4625B650-E54B-46F8-B61F-853690324130}" type="pres">
      <dgm:prSet presAssocID="{BE0874E0-E591-4846-84E3-945695AD0420}" presName="container" presStyleCnt="0">
        <dgm:presLayoutVars>
          <dgm:dir/>
          <dgm:resizeHandles val="exact"/>
        </dgm:presLayoutVars>
      </dgm:prSet>
      <dgm:spPr/>
    </dgm:pt>
    <dgm:pt modelId="{853616C9-93DC-4C8F-89D3-AE461D668012}" type="pres">
      <dgm:prSet presAssocID="{68FDC822-8476-46E0-AE58-2AA0E6038061}" presName="compNode" presStyleCnt="0"/>
      <dgm:spPr/>
    </dgm:pt>
    <dgm:pt modelId="{8188F8F1-87B6-405C-8619-F249BA7F676C}" type="pres">
      <dgm:prSet presAssocID="{68FDC822-8476-46E0-AE58-2AA0E6038061}" presName="iconBgRect" presStyleLbl="bgShp" presStyleIdx="0" presStyleCnt="4"/>
      <dgm:spPr/>
    </dgm:pt>
    <dgm:pt modelId="{0679C1DC-AD52-4508-90E1-16B9AED0C266}" type="pres">
      <dgm:prSet presAssocID="{68FDC822-8476-46E0-AE58-2AA0E6038061}"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Marker"/>
        </a:ext>
      </dgm:extLst>
    </dgm:pt>
    <dgm:pt modelId="{5B2AFF93-0E40-4AF8-A3ED-3F40FCE703CC}" type="pres">
      <dgm:prSet presAssocID="{68FDC822-8476-46E0-AE58-2AA0E6038061}" presName="spaceRect" presStyleCnt="0"/>
      <dgm:spPr/>
    </dgm:pt>
    <dgm:pt modelId="{FFCF58FC-4B03-485E-804E-57FA28B26542}" type="pres">
      <dgm:prSet presAssocID="{68FDC822-8476-46E0-AE58-2AA0E6038061}" presName="textRect" presStyleLbl="revTx" presStyleIdx="0" presStyleCnt="4">
        <dgm:presLayoutVars>
          <dgm:chMax val="1"/>
          <dgm:chPref val="1"/>
        </dgm:presLayoutVars>
      </dgm:prSet>
      <dgm:spPr/>
    </dgm:pt>
    <dgm:pt modelId="{E5A5C3A9-AEFA-4E12-BBCB-0FB2034EEFC9}" type="pres">
      <dgm:prSet presAssocID="{351CC02C-50F3-47E9-80D1-8321FD3A2AC0}" presName="sibTrans" presStyleLbl="sibTrans2D1" presStyleIdx="0" presStyleCnt="0"/>
      <dgm:spPr/>
    </dgm:pt>
    <dgm:pt modelId="{627D8338-F082-46B4-A261-7A2C511A735C}" type="pres">
      <dgm:prSet presAssocID="{46CF7D31-92DA-46C1-99C4-188E5B12A5E3}" presName="compNode" presStyleCnt="0"/>
      <dgm:spPr/>
    </dgm:pt>
    <dgm:pt modelId="{C4E35A82-3BEC-4790-A1BF-8E74F011121B}" type="pres">
      <dgm:prSet presAssocID="{46CF7D31-92DA-46C1-99C4-188E5B12A5E3}" presName="iconBgRect" presStyleLbl="bgShp" presStyleIdx="1" presStyleCnt="4"/>
      <dgm:spPr/>
    </dgm:pt>
    <dgm:pt modelId="{CEB1F97B-7DEC-408D-B42B-5C80D4DB3C81}" type="pres">
      <dgm:prSet presAssocID="{46CF7D31-92DA-46C1-99C4-188E5B12A5E3}"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ity"/>
        </a:ext>
      </dgm:extLst>
    </dgm:pt>
    <dgm:pt modelId="{3CB15209-AFA0-46C6-B4FB-3BABBE0143B3}" type="pres">
      <dgm:prSet presAssocID="{46CF7D31-92DA-46C1-99C4-188E5B12A5E3}" presName="spaceRect" presStyleCnt="0"/>
      <dgm:spPr/>
    </dgm:pt>
    <dgm:pt modelId="{8ED63F3D-D509-4DF7-A45A-43DA20751F6D}" type="pres">
      <dgm:prSet presAssocID="{46CF7D31-92DA-46C1-99C4-188E5B12A5E3}" presName="textRect" presStyleLbl="revTx" presStyleIdx="1" presStyleCnt="4">
        <dgm:presLayoutVars>
          <dgm:chMax val="1"/>
          <dgm:chPref val="1"/>
        </dgm:presLayoutVars>
      </dgm:prSet>
      <dgm:spPr/>
    </dgm:pt>
    <dgm:pt modelId="{29C435BC-3418-4B47-8F04-A40BFE5EDD32}" type="pres">
      <dgm:prSet presAssocID="{328BB29D-1381-4670-AAD5-646D6C67BE42}" presName="sibTrans" presStyleLbl="sibTrans2D1" presStyleIdx="0" presStyleCnt="0"/>
      <dgm:spPr/>
    </dgm:pt>
    <dgm:pt modelId="{2E279780-97EA-4EB1-B20C-0A7341B2547D}" type="pres">
      <dgm:prSet presAssocID="{8447F874-5EF8-4DF7-A498-83F805DE3AA9}" presName="compNode" presStyleCnt="0"/>
      <dgm:spPr/>
    </dgm:pt>
    <dgm:pt modelId="{9126F743-443B-4AAA-A2F7-81B5ACE1C166}" type="pres">
      <dgm:prSet presAssocID="{8447F874-5EF8-4DF7-A498-83F805DE3AA9}" presName="iconBgRect" presStyleLbl="bgShp" presStyleIdx="2" presStyleCnt="4"/>
      <dgm:spPr/>
    </dgm:pt>
    <dgm:pt modelId="{F64BB5B6-8256-4829-AFBF-4EDC5B150B5B}" type="pres">
      <dgm:prSet presAssocID="{8447F874-5EF8-4DF7-A498-83F805DE3AA9}"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Money"/>
        </a:ext>
      </dgm:extLst>
    </dgm:pt>
    <dgm:pt modelId="{57B3A40F-A731-41A9-810C-5CDF00335889}" type="pres">
      <dgm:prSet presAssocID="{8447F874-5EF8-4DF7-A498-83F805DE3AA9}" presName="spaceRect" presStyleCnt="0"/>
      <dgm:spPr/>
    </dgm:pt>
    <dgm:pt modelId="{BB18DC00-DC10-4430-8681-770A0119C0B1}" type="pres">
      <dgm:prSet presAssocID="{8447F874-5EF8-4DF7-A498-83F805DE3AA9}" presName="textRect" presStyleLbl="revTx" presStyleIdx="2" presStyleCnt="4">
        <dgm:presLayoutVars>
          <dgm:chMax val="1"/>
          <dgm:chPref val="1"/>
        </dgm:presLayoutVars>
      </dgm:prSet>
      <dgm:spPr/>
    </dgm:pt>
    <dgm:pt modelId="{2F755503-1E02-4B73-9AFD-9A1A64A70834}" type="pres">
      <dgm:prSet presAssocID="{FDF051F7-C338-43ED-9EF5-CE3854931710}" presName="sibTrans" presStyleLbl="sibTrans2D1" presStyleIdx="0" presStyleCnt="0"/>
      <dgm:spPr/>
    </dgm:pt>
    <dgm:pt modelId="{0BA9B99F-F909-41DC-BAAD-883CF3395DF7}" type="pres">
      <dgm:prSet presAssocID="{B62D5DFB-EF7B-4246-8FB0-81BCBBBC21B8}" presName="compNode" presStyleCnt="0"/>
      <dgm:spPr/>
    </dgm:pt>
    <dgm:pt modelId="{36E35F76-0107-40D4-948E-C46F47A6915D}" type="pres">
      <dgm:prSet presAssocID="{B62D5DFB-EF7B-4246-8FB0-81BCBBBC21B8}" presName="iconBgRect" presStyleLbl="bgShp" presStyleIdx="3" presStyleCnt="4"/>
      <dgm:spPr/>
    </dgm:pt>
    <dgm:pt modelId="{5B1709C7-1BE4-41EA-A3C4-C0E375C2D02E}" type="pres">
      <dgm:prSet presAssocID="{B62D5DFB-EF7B-4246-8FB0-81BCBBBC21B8}"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Downward trend"/>
        </a:ext>
      </dgm:extLst>
    </dgm:pt>
    <dgm:pt modelId="{208C3188-CD7F-48BC-81A5-E1F82A4DDB7C}" type="pres">
      <dgm:prSet presAssocID="{B62D5DFB-EF7B-4246-8FB0-81BCBBBC21B8}" presName="spaceRect" presStyleCnt="0"/>
      <dgm:spPr/>
    </dgm:pt>
    <dgm:pt modelId="{1E3D3330-AEBA-40B5-93A0-33CD59444122}" type="pres">
      <dgm:prSet presAssocID="{B62D5DFB-EF7B-4246-8FB0-81BCBBBC21B8}" presName="textRect" presStyleLbl="revTx" presStyleIdx="3" presStyleCnt="4">
        <dgm:presLayoutVars>
          <dgm:chMax val="1"/>
          <dgm:chPref val="1"/>
        </dgm:presLayoutVars>
      </dgm:prSet>
      <dgm:spPr/>
    </dgm:pt>
  </dgm:ptLst>
  <dgm:cxnLst>
    <dgm:cxn modelId="{B5DD3217-9E98-4E45-B5A6-26A6C202D4B4}" type="presOf" srcId="{351CC02C-50F3-47E9-80D1-8321FD3A2AC0}" destId="{E5A5C3A9-AEFA-4E12-BBCB-0FB2034EEFC9}" srcOrd="0" destOrd="0" presId="urn:microsoft.com/office/officeart/2018/2/layout/IconCircleList"/>
    <dgm:cxn modelId="{71C5511D-901F-4F42-AC72-9C88528D430D}" type="presOf" srcId="{8447F874-5EF8-4DF7-A498-83F805DE3AA9}" destId="{BB18DC00-DC10-4430-8681-770A0119C0B1}" srcOrd="0" destOrd="0" presId="urn:microsoft.com/office/officeart/2018/2/layout/IconCircleList"/>
    <dgm:cxn modelId="{7C723C21-971D-4CED-8D74-CA97B9A60821}" srcId="{BE0874E0-E591-4846-84E3-945695AD0420}" destId="{B62D5DFB-EF7B-4246-8FB0-81BCBBBC21B8}" srcOrd="3" destOrd="0" parTransId="{9FA91ED0-65A7-4330-9956-AEA43499747D}" sibTransId="{3D485A86-F543-4248-A6AD-94669B77E9E5}"/>
    <dgm:cxn modelId="{23444431-788D-4914-B943-E6A1349626A7}" srcId="{BE0874E0-E591-4846-84E3-945695AD0420}" destId="{46CF7D31-92DA-46C1-99C4-188E5B12A5E3}" srcOrd="1" destOrd="0" parTransId="{11E5BA70-5055-4C45-81E0-E90310D9E17E}" sibTransId="{328BB29D-1381-4670-AAD5-646D6C67BE42}"/>
    <dgm:cxn modelId="{5F4AA463-BF02-4BFB-95B3-CE0EDA3C32E0}" type="presOf" srcId="{328BB29D-1381-4670-AAD5-646D6C67BE42}" destId="{29C435BC-3418-4B47-8F04-A40BFE5EDD32}" srcOrd="0" destOrd="0" presId="urn:microsoft.com/office/officeart/2018/2/layout/IconCircleList"/>
    <dgm:cxn modelId="{86F98C4E-235E-447B-A1D7-0A19CA34D2C7}" type="presOf" srcId="{68FDC822-8476-46E0-AE58-2AA0E6038061}" destId="{FFCF58FC-4B03-485E-804E-57FA28B26542}" srcOrd="0" destOrd="0" presId="urn:microsoft.com/office/officeart/2018/2/layout/IconCircleList"/>
    <dgm:cxn modelId="{AA93518B-ED77-47E5-AFA6-3333D0417707}" type="presOf" srcId="{FDF051F7-C338-43ED-9EF5-CE3854931710}" destId="{2F755503-1E02-4B73-9AFD-9A1A64A70834}" srcOrd="0" destOrd="0" presId="urn:microsoft.com/office/officeart/2018/2/layout/IconCircleList"/>
    <dgm:cxn modelId="{D8D0C691-7425-44E8-81CF-B42241B9BC07}" srcId="{BE0874E0-E591-4846-84E3-945695AD0420}" destId="{68FDC822-8476-46E0-AE58-2AA0E6038061}" srcOrd="0" destOrd="0" parTransId="{060D22D7-2CF9-43C8-AD7D-E6638EA890F4}" sibTransId="{351CC02C-50F3-47E9-80D1-8321FD3A2AC0}"/>
    <dgm:cxn modelId="{E864BBAC-7174-45DE-89DB-995F40661E4F}" type="presOf" srcId="{B62D5DFB-EF7B-4246-8FB0-81BCBBBC21B8}" destId="{1E3D3330-AEBA-40B5-93A0-33CD59444122}" srcOrd="0" destOrd="0" presId="urn:microsoft.com/office/officeart/2018/2/layout/IconCircleList"/>
    <dgm:cxn modelId="{438D5EDA-D64C-464B-AFDC-2065E55508F7}" srcId="{BE0874E0-E591-4846-84E3-945695AD0420}" destId="{8447F874-5EF8-4DF7-A498-83F805DE3AA9}" srcOrd="2" destOrd="0" parTransId="{2CB3AB45-1BB8-41FE-BCFF-95A7A2E9DFF5}" sibTransId="{FDF051F7-C338-43ED-9EF5-CE3854931710}"/>
    <dgm:cxn modelId="{C9DDA3E3-7E32-4A4E-A1D9-D4E8BC202CC2}" type="presOf" srcId="{BE0874E0-E591-4846-84E3-945695AD0420}" destId="{F4FDA925-0095-415B-A230-2CCBA0B15905}" srcOrd="0" destOrd="0" presId="urn:microsoft.com/office/officeart/2018/2/layout/IconCircleList"/>
    <dgm:cxn modelId="{982A4CE5-5E13-47AF-8985-B8A4E15ABAF7}" type="presOf" srcId="{46CF7D31-92DA-46C1-99C4-188E5B12A5E3}" destId="{8ED63F3D-D509-4DF7-A45A-43DA20751F6D}" srcOrd="0" destOrd="0" presId="urn:microsoft.com/office/officeart/2018/2/layout/IconCircleList"/>
    <dgm:cxn modelId="{E83FCAAF-CC21-4908-B38C-2CAC09B5CA42}" type="presParOf" srcId="{F4FDA925-0095-415B-A230-2CCBA0B15905}" destId="{4625B650-E54B-46F8-B61F-853690324130}" srcOrd="0" destOrd="0" presId="urn:microsoft.com/office/officeart/2018/2/layout/IconCircleList"/>
    <dgm:cxn modelId="{E540E6B8-5FF2-4EFD-B6C2-178A74A7A985}" type="presParOf" srcId="{4625B650-E54B-46F8-B61F-853690324130}" destId="{853616C9-93DC-4C8F-89D3-AE461D668012}" srcOrd="0" destOrd="0" presId="urn:microsoft.com/office/officeart/2018/2/layout/IconCircleList"/>
    <dgm:cxn modelId="{41943EBE-A919-47DD-9268-53F8C07F0377}" type="presParOf" srcId="{853616C9-93DC-4C8F-89D3-AE461D668012}" destId="{8188F8F1-87B6-405C-8619-F249BA7F676C}" srcOrd="0" destOrd="0" presId="urn:microsoft.com/office/officeart/2018/2/layout/IconCircleList"/>
    <dgm:cxn modelId="{35AFA26A-1A23-4911-9305-081ADBAABFF2}" type="presParOf" srcId="{853616C9-93DC-4C8F-89D3-AE461D668012}" destId="{0679C1DC-AD52-4508-90E1-16B9AED0C266}" srcOrd="1" destOrd="0" presId="urn:microsoft.com/office/officeart/2018/2/layout/IconCircleList"/>
    <dgm:cxn modelId="{CBF7667D-1C21-43C1-8E8F-A3FFB3E117E0}" type="presParOf" srcId="{853616C9-93DC-4C8F-89D3-AE461D668012}" destId="{5B2AFF93-0E40-4AF8-A3ED-3F40FCE703CC}" srcOrd="2" destOrd="0" presId="urn:microsoft.com/office/officeart/2018/2/layout/IconCircleList"/>
    <dgm:cxn modelId="{EB880020-9903-41AE-BB33-3F9DA13C026A}" type="presParOf" srcId="{853616C9-93DC-4C8F-89D3-AE461D668012}" destId="{FFCF58FC-4B03-485E-804E-57FA28B26542}" srcOrd="3" destOrd="0" presId="urn:microsoft.com/office/officeart/2018/2/layout/IconCircleList"/>
    <dgm:cxn modelId="{3A88F156-52B4-418C-8B46-6E3D4C0358CF}" type="presParOf" srcId="{4625B650-E54B-46F8-B61F-853690324130}" destId="{E5A5C3A9-AEFA-4E12-BBCB-0FB2034EEFC9}" srcOrd="1" destOrd="0" presId="urn:microsoft.com/office/officeart/2018/2/layout/IconCircleList"/>
    <dgm:cxn modelId="{149A2E5D-97B3-46BD-9340-CDA0895FF7B3}" type="presParOf" srcId="{4625B650-E54B-46F8-B61F-853690324130}" destId="{627D8338-F082-46B4-A261-7A2C511A735C}" srcOrd="2" destOrd="0" presId="urn:microsoft.com/office/officeart/2018/2/layout/IconCircleList"/>
    <dgm:cxn modelId="{ED0049D0-FABB-45DA-912D-590FFF4D326A}" type="presParOf" srcId="{627D8338-F082-46B4-A261-7A2C511A735C}" destId="{C4E35A82-3BEC-4790-A1BF-8E74F011121B}" srcOrd="0" destOrd="0" presId="urn:microsoft.com/office/officeart/2018/2/layout/IconCircleList"/>
    <dgm:cxn modelId="{7FB4B468-8615-4618-8C9F-35A366644B39}" type="presParOf" srcId="{627D8338-F082-46B4-A261-7A2C511A735C}" destId="{CEB1F97B-7DEC-408D-B42B-5C80D4DB3C81}" srcOrd="1" destOrd="0" presId="urn:microsoft.com/office/officeart/2018/2/layout/IconCircleList"/>
    <dgm:cxn modelId="{8EBF89CF-52C8-4022-8EFB-3BA0268E6E1C}" type="presParOf" srcId="{627D8338-F082-46B4-A261-7A2C511A735C}" destId="{3CB15209-AFA0-46C6-B4FB-3BABBE0143B3}" srcOrd="2" destOrd="0" presId="urn:microsoft.com/office/officeart/2018/2/layout/IconCircleList"/>
    <dgm:cxn modelId="{CC055DA7-23FC-41A6-93C2-635A1400BD13}" type="presParOf" srcId="{627D8338-F082-46B4-A261-7A2C511A735C}" destId="{8ED63F3D-D509-4DF7-A45A-43DA20751F6D}" srcOrd="3" destOrd="0" presId="urn:microsoft.com/office/officeart/2018/2/layout/IconCircleList"/>
    <dgm:cxn modelId="{61BA75D6-D1A8-4D16-8DD2-B3C9B48A6171}" type="presParOf" srcId="{4625B650-E54B-46F8-B61F-853690324130}" destId="{29C435BC-3418-4B47-8F04-A40BFE5EDD32}" srcOrd="3" destOrd="0" presId="urn:microsoft.com/office/officeart/2018/2/layout/IconCircleList"/>
    <dgm:cxn modelId="{48B96791-6376-472E-9410-3F7601902139}" type="presParOf" srcId="{4625B650-E54B-46F8-B61F-853690324130}" destId="{2E279780-97EA-4EB1-B20C-0A7341B2547D}" srcOrd="4" destOrd="0" presId="urn:microsoft.com/office/officeart/2018/2/layout/IconCircleList"/>
    <dgm:cxn modelId="{DC19E32D-6DC8-44E4-B957-670DEB3E9DC8}" type="presParOf" srcId="{2E279780-97EA-4EB1-B20C-0A7341B2547D}" destId="{9126F743-443B-4AAA-A2F7-81B5ACE1C166}" srcOrd="0" destOrd="0" presId="urn:microsoft.com/office/officeart/2018/2/layout/IconCircleList"/>
    <dgm:cxn modelId="{F504D961-6598-48D8-82A1-F0AF41697EE5}" type="presParOf" srcId="{2E279780-97EA-4EB1-B20C-0A7341B2547D}" destId="{F64BB5B6-8256-4829-AFBF-4EDC5B150B5B}" srcOrd="1" destOrd="0" presId="urn:microsoft.com/office/officeart/2018/2/layout/IconCircleList"/>
    <dgm:cxn modelId="{56A6D04D-B69A-4E69-BD03-7BC6C9B08175}" type="presParOf" srcId="{2E279780-97EA-4EB1-B20C-0A7341B2547D}" destId="{57B3A40F-A731-41A9-810C-5CDF00335889}" srcOrd="2" destOrd="0" presId="urn:microsoft.com/office/officeart/2018/2/layout/IconCircleList"/>
    <dgm:cxn modelId="{192537B3-5CDE-448C-9777-3A68062DCF8D}" type="presParOf" srcId="{2E279780-97EA-4EB1-B20C-0A7341B2547D}" destId="{BB18DC00-DC10-4430-8681-770A0119C0B1}" srcOrd="3" destOrd="0" presId="urn:microsoft.com/office/officeart/2018/2/layout/IconCircleList"/>
    <dgm:cxn modelId="{BFA2DCA7-DC4E-4D26-BD4A-08638C4B52A8}" type="presParOf" srcId="{4625B650-E54B-46F8-B61F-853690324130}" destId="{2F755503-1E02-4B73-9AFD-9A1A64A70834}" srcOrd="5" destOrd="0" presId="urn:microsoft.com/office/officeart/2018/2/layout/IconCircleList"/>
    <dgm:cxn modelId="{D0D09845-C5AC-4F34-98A8-1A4B1EBB8AA5}" type="presParOf" srcId="{4625B650-E54B-46F8-B61F-853690324130}" destId="{0BA9B99F-F909-41DC-BAAD-883CF3395DF7}" srcOrd="6" destOrd="0" presId="urn:microsoft.com/office/officeart/2018/2/layout/IconCircleList"/>
    <dgm:cxn modelId="{41ED7B84-9E7F-429C-87F4-19CD2D1B194B}" type="presParOf" srcId="{0BA9B99F-F909-41DC-BAAD-883CF3395DF7}" destId="{36E35F76-0107-40D4-948E-C46F47A6915D}" srcOrd="0" destOrd="0" presId="urn:microsoft.com/office/officeart/2018/2/layout/IconCircleList"/>
    <dgm:cxn modelId="{641F6DF6-1B7D-4D87-A270-289F72F78E0B}" type="presParOf" srcId="{0BA9B99F-F909-41DC-BAAD-883CF3395DF7}" destId="{5B1709C7-1BE4-41EA-A3C4-C0E375C2D02E}" srcOrd="1" destOrd="0" presId="urn:microsoft.com/office/officeart/2018/2/layout/IconCircleList"/>
    <dgm:cxn modelId="{511C70D4-D170-4B1F-8238-18A917A6E329}" type="presParOf" srcId="{0BA9B99F-F909-41DC-BAAD-883CF3395DF7}" destId="{208C3188-CD7F-48BC-81A5-E1F82A4DDB7C}" srcOrd="2" destOrd="0" presId="urn:microsoft.com/office/officeart/2018/2/layout/IconCircleList"/>
    <dgm:cxn modelId="{3A8420F3-3B7F-489E-973D-7889296AF31B}" type="presParOf" srcId="{0BA9B99F-F909-41DC-BAAD-883CF3395DF7}" destId="{1E3D3330-AEBA-40B5-93A0-33CD59444122}" srcOrd="3" destOrd="0" presId="urn:microsoft.com/office/officeart/2018/2/layout/IconCircle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1CDCCE0D-FB6C-4791-9EEE-0E1FAFB8A0D8}"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ED811695-CF0E-42E3-84A3-A5F4669524A6}">
      <dgm:prSet/>
      <dgm:spPr/>
      <dgm:t>
        <a:bodyPr/>
        <a:lstStyle/>
        <a:p>
          <a:r>
            <a:rPr lang="en-US"/>
            <a:t>Flooding is the main hazard, but it doesn’t act alone</a:t>
          </a:r>
        </a:p>
      </dgm:t>
    </dgm:pt>
    <dgm:pt modelId="{59395EDE-A323-44BA-B5FE-F556911815D0}" type="parTrans" cxnId="{029CF6CE-A16C-491F-9DF0-298A691809E9}">
      <dgm:prSet/>
      <dgm:spPr/>
      <dgm:t>
        <a:bodyPr/>
        <a:lstStyle/>
        <a:p>
          <a:endParaRPr lang="en-US"/>
        </a:p>
      </dgm:t>
    </dgm:pt>
    <dgm:pt modelId="{55D1A08E-DF94-44C9-98FC-81411D2D7B14}" type="sibTrans" cxnId="{029CF6CE-A16C-491F-9DF0-298A691809E9}">
      <dgm:prSet/>
      <dgm:spPr/>
      <dgm:t>
        <a:bodyPr/>
        <a:lstStyle/>
        <a:p>
          <a:endParaRPr lang="en-US"/>
        </a:p>
      </dgm:t>
    </dgm:pt>
    <dgm:pt modelId="{7D64B656-A6F5-4182-910F-89748DB12F4A}">
      <dgm:prSet/>
      <dgm:spPr/>
      <dgm:t>
        <a:bodyPr/>
        <a:lstStyle/>
        <a:p>
          <a:r>
            <a:rPr lang="en-US"/>
            <a:t>It interacts with other climate stressors across the community</a:t>
          </a:r>
        </a:p>
      </dgm:t>
    </dgm:pt>
    <dgm:pt modelId="{CA4B337E-4DD6-4361-AE0C-9949F7F37A52}" type="parTrans" cxnId="{E06A1D0C-1FEA-4076-AC10-C5371CF62682}">
      <dgm:prSet/>
      <dgm:spPr/>
      <dgm:t>
        <a:bodyPr/>
        <a:lstStyle/>
        <a:p>
          <a:endParaRPr lang="en-US"/>
        </a:p>
      </dgm:t>
    </dgm:pt>
    <dgm:pt modelId="{29C5D03C-6CDD-4563-9DE3-0C7555425EEC}" type="sibTrans" cxnId="{E06A1D0C-1FEA-4076-AC10-C5371CF62682}">
      <dgm:prSet/>
      <dgm:spPr/>
      <dgm:t>
        <a:bodyPr/>
        <a:lstStyle/>
        <a:p>
          <a:endParaRPr lang="en-US"/>
        </a:p>
      </dgm:t>
    </dgm:pt>
    <dgm:pt modelId="{5BBD6497-CE2E-4F3A-9935-D041397F31F1}">
      <dgm:prSet/>
      <dgm:spPr/>
      <dgm:t>
        <a:bodyPr/>
        <a:lstStyle/>
        <a:p>
          <a:r>
            <a:rPr lang="en-US"/>
            <a:t>Extreme heat puts added strain on people and infrastructure</a:t>
          </a:r>
        </a:p>
      </dgm:t>
    </dgm:pt>
    <dgm:pt modelId="{93823405-D24B-4CD6-999A-391572B6C424}" type="parTrans" cxnId="{13083AED-610C-4B14-B4D9-0825C03D804B}">
      <dgm:prSet/>
      <dgm:spPr/>
      <dgm:t>
        <a:bodyPr/>
        <a:lstStyle/>
        <a:p>
          <a:endParaRPr lang="en-US"/>
        </a:p>
      </dgm:t>
    </dgm:pt>
    <dgm:pt modelId="{CB50D9D8-D701-4A76-B22C-56F03443F4F7}" type="sibTrans" cxnId="{13083AED-610C-4B14-B4D9-0825C03D804B}">
      <dgm:prSet/>
      <dgm:spPr/>
      <dgm:t>
        <a:bodyPr/>
        <a:lstStyle/>
        <a:p>
          <a:endParaRPr lang="en-US"/>
        </a:p>
      </dgm:t>
    </dgm:pt>
    <dgm:pt modelId="{C4BF8590-2FB4-49B5-ABD4-B09D02D7BECE}">
      <dgm:prSet/>
      <dgm:spPr/>
      <dgm:t>
        <a:bodyPr/>
        <a:lstStyle/>
        <a:p>
          <a:r>
            <a:rPr lang="en-US" dirty="0"/>
            <a:t>These risks tend to compound, not happen one at a time</a:t>
          </a:r>
        </a:p>
      </dgm:t>
    </dgm:pt>
    <dgm:pt modelId="{C4D5C7AC-0D6D-4137-81EF-C32797FDB896}" type="parTrans" cxnId="{4D33A9B5-17AA-4D45-B42A-699CAB6FCAD1}">
      <dgm:prSet/>
      <dgm:spPr/>
      <dgm:t>
        <a:bodyPr/>
        <a:lstStyle/>
        <a:p>
          <a:endParaRPr lang="en-US"/>
        </a:p>
      </dgm:t>
    </dgm:pt>
    <dgm:pt modelId="{6D14F2F9-ECD3-4D90-9DF5-C4C7EA0D1030}" type="sibTrans" cxnId="{4D33A9B5-17AA-4D45-B42A-699CAB6FCAD1}">
      <dgm:prSet/>
      <dgm:spPr/>
      <dgm:t>
        <a:bodyPr/>
        <a:lstStyle/>
        <a:p>
          <a:endParaRPr lang="en-US"/>
        </a:p>
      </dgm:t>
    </dgm:pt>
    <dgm:pt modelId="{CC2B850A-698E-4521-86C9-62205E3040C4}" type="pres">
      <dgm:prSet presAssocID="{1CDCCE0D-FB6C-4791-9EEE-0E1FAFB8A0D8}" presName="root" presStyleCnt="0">
        <dgm:presLayoutVars>
          <dgm:dir/>
          <dgm:resizeHandles val="exact"/>
        </dgm:presLayoutVars>
      </dgm:prSet>
      <dgm:spPr/>
    </dgm:pt>
    <dgm:pt modelId="{D9BC188B-B3A8-4318-B204-54EA4291DB55}" type="pres">
      <dgm:prSet presAssocID="{ED811695-CF0E-42E3-84A3-A5F4669524A6}" presName="compNode" presStyleCnt="0"/>
      <dgm:spPr/>
    </dgm:pt>
    <dgm:pt modelId="{E4488B30-F35A-43FB-9102-82BF89F87CB5}" type="pres">
      <dgm:prSet presAssocID="{ED811695-CF0E-42E3-84A3-A5F4669524A6}" presName="bgRect" presStyleLbl="bgShp" presStyleIdx="0" presStyleCnt="4"/>
      <dgm:spPr/>
    </dgm:pt>
    <dgm:pt modelId="{1E0596F8-6ED1-49C0-BF69-B1D44CAB2AB2}" type="pres">
      <dgm:prSet presAssocID="{ED811695-CF0E-42E3-84A3-A5F4669524A6}"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Rain"/>
        </a:ext>
      </dgm:extLst>
    </dgm:pt>
    <dgm:pt modelId="{44C2EB40-7765-4AD9-87A1-D444B396E59E}" type="pres">
      <dgm:prSet presAssocID="{ED811695-CF0E-42E3-84A3-A5F4669524A6}" presName="spaceRect" presStyleCnt="0"/>
      <dgm:spPr/>
    </dgm:pt>
    <dgm:pt modelId="{807EEF13-5111-4C10-BF80-0511A4164B0D}" type="pres">
      <dgm:prSet presAssocID="{ED811695-CF0E-42E3-84A3-A5F4669524A6}" presName="parTx" presStyleLbl="revTx" presStyleIdx="0" presStyleCnt="4">
        <dgm:presLayoutVars>
          <dgm:chMax val="0"/>
          <dgm:chPref val="0"/>
        </dgm:presLayoutVars>
      </dgm:prSet>
      <dgm:spPr/>
    </dgm:pt>
    <dgm:pt modelId="{2C1210A9-32B4-48C0-94DB-60D2272A55A1}" type="pres">
      <dgm:prSet presAssocID="{55D1A08E-DF94-44C9-98FC-81411D2D7B14}" presName="sibTrans" presStyleCnt="0"/>
      <dgm:spPr/>
    </dgm:pt>
    <dgm:pt modelId="{6D827C28-38F2-4714-824C-2194EED24C1E}" type="pres">
      <dgm:prSet presAssocID="{7D64B656-A6F5-4182-910F-89748DB12F4A}" presName="compNode" presStyleCnt="0"/>
      <dgm:spPr/>
    </dgm:pt>
    <dgm:pt modelId="{16452BB0-99BA-4CF5-A92A-D74823506F9C}" type="pres">
      <dgm:prSet presAssocID="{7D64B656-A6F5-4182-910F-89748DB12F4A}" presName="bgRect" presStyleLbl="bgShp" presStyleIdx="1" presStyleCnt="4"/>
      <dgm:spPr/>
    </dgm:pt>
    <dgm:pt modelId="{7E43E6F5-566D-4AA0-82EE-879D08CB015C}" type="pres">
      <dgm:prSet presAssocID="{7D64B656-A6F5-4182-910F-89748DB12F4A}"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Group"/>
        </a:ext>
      </dgm:extLst>
    </dgm:pt>
    <dgm:pt modelId="{69217B23-EFEE-4136-84F4-413F378E0C03}" type="pres">
      <dgm:prSet presAssocID="{7D64B656-A6F5-4182-910F-89748DB12F4A}" presName="spaceRect" presStyleCnt="0"/>
      <dgm:spPr/>
    </dgm:pt>
    <dgm:pt modelId="{28E13BB4-C7DA-4C09-8A5F-5EFB234576F2}" type="pres">
      <dgm:prSet presAssocID="{7D64B656-A6F5-4182-910F-89748DB12F4A}" presName="parTx" presStyleLbl="revTx" presStyleIdx="1" presStyleCnt="4">
        <dgm:presLayoutVars>
          <dgm:chMax val="0"/>
          <dgm:chPref val="0"/>
        </dgm:presLayoutVars>
      </dgm:prSet>
      <dgm:spPr/>
    </dgm:pt>
    <dgm:pt modelId="{19CFC508-7F8A-4E90-B404-AE815926D61D}" type="pres">
      <dgm:prSet presAssocID="{29C5D03C-6CDD-4563-9DE3-0C7555425EEC}" presName="sibTrans" presStyleCnt="0"/>
      <dgm:spPr/>
    </dgm:pt>
    <dgm:pt modelId="{204269C5-F1C1-4F90-9346-DBF2F5C1104B}" type="pres">
      <dgm:prSet presAssocID="{5BBD6497-CE2E-4F3A-9935-D041397F31F1}" presName="compNode" presStyleCnt="0"/>
      <dgm:spPr/>
    </dgm:pt>
    <dgm:pt modelId="{EF2F8B94-1190-404B-A884-6E9EFF2DF002}" type="pres">
      <dgm:prSet presAssocID="{5BBD6497-CE2E-4F3A-9935-D041397F31F1}" presName="bgRect" presStyleLbl="bgShp" presStyleIdx="2" presStyleCnt="4"/>
      <dgm:spPr/>
    </dgm:pt>
    <dgm:pt modelId="{5F70B598-15C3-4373-9A37-1690C8316557}" type="pres">
      <dgm:prSet presAssocID="{5BBD6497-CE2E-4F3A-9935-D041397F31F1}"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Fire"/>
        </a:ext>
      </dgm:extLst>
    </dgm:pt>
    <dgm:pt modelId="{F7D64764-A751-44B8-B9E6-501572188A62}" type="pres">
      <dgm:prSet presAssocID="{5BBD6497-CE2E-4F3A-9935-D041397F31F1}" presName="spaceRect" presStyleCnt="0"/>
      <dgm:spPr/>
    </dgm:pt>
    <dgm:pt modelId="{18896594-0C40-4B56-9AD5-B32669BCFB2A}" type="pres">
      <dgm:prSet presAssocID="{5BBD6497-CE2E-4F3A-9935-D041397F31F1}" presName="parTx" presStyleLbl="revTx" presStyleIdx="2" presStyleCnt="4">
        <dgm:presLayoutVars>
          <dgm:chMax val="0"/>
          <dgm:chPref val="0"/>
        </dgm:presLayoutVars>
      </dgm:prSet>
      <dgm:spPr/>
    </dgm:pt>
    <dgm:pt modelId="{2E7FAC05-0ACC-44B8-9B8D-72BA457196C7}" type="pres">
      <dgm:prSet presAssocID="{CB50D9D8-D701-4A76-B22C-56F03443F4F7}" presName="sibTrans" presStyleCnt="0"/>
      <dgm:spPr/>
    </dgm:pt>
    <dgm:pt modelId="{374BF905-D55E-4BE2-8658-7474AE81D24C}" type="pres">
      <dgm:prSet presAssocID="{C4BF8590-2FB4-49B5-ABD4-B09D02D7BECE}" presName="compNode" presStyleCnt="0"/>
      <dgm:spPr/>
    </dgm:pt>
    <dgm:pt modelId="{46C676FB-C549-43C8-B719-C67F8B4F80F2}" type="pres">
      <dgm:prSet presAssocID="{C4BF8590-2FB4-49B5-ABD4-B09D02D7BECE}" presName="bgRect" presStyleLbl="bgShp" presStyleIdx="3" presStyleCnt="4"/>
      <dgm:spPr/>
    </dgm:pt>
    <dgm:pt modelId="{2FE73571-A3DD-4A08-AF3D-F6FCBFA5CDEC}" type="pres">
      <dgm:prSet presAssocID="{C4BF8590-2FB4-49B5-ABD4-B09D02D7BECE}"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Danger"/>
        </a:ext>
      </dgm:extLst>
    </dgm:pt>
    <dgm:pt modelId="{4EE673B3-88C5-4A92-A0F4-1501F23A2F80}" type="pres">
      <dgm:prSet presAssocID="{C4BF8590-2FB4-49B5-ABD4-B09D02D7BECE}" presName="spaceRect" presStyleCnt="0"/>
      <dgm:spPr/>
    </dgm:pt>
    <dgm:pt modelId="{1C8E7F0C-630F-4885-85BE-6AEB17F010A4}" type="pres">
      <dgm:prSet presAssocID="{C4BF8590-2FB4-49B5-ABD4-B09D02D7BECE}" presName="parTx" presStyleLbl="revTx" presStyleIdx="3" presStyleCnt="4">
        <dgm:presLayoutVars>
          <dgm:chMax val="0"/>
          <dgm:chPref val="0"/>
        </dgm:presLayoutVars>
      </dgm:prSet>
      <dgm:spPr/>
    </dgm:pt>
  </dgm:ptLst>
  <dgm:cxnLst>
    <dgm:cxn modelId="{FA080E06-1E49-44C6-A669-ADF70CED4146}" type="presOf" srcId="{5BBD6497-CE2E-4F3A-9935-D041397F31F1}" destId="{18896594-0C40-4B56-9AD5-B32669BCFB2A}" srcOrd="0" destOrd="0" presId="urn:microsoft.com/office/officeart/2018/2/layout/IconVerticalSolidList"/>
    <dgm:cxn modelId="{E06A1D0C-1FEA-4076-AC10-C5371CF62682}" srcId="{1CDCCE0D-FB6C-4791-9EEE-0E1FAFB8A0D8}" destId="{7D64B656-A6F5-4182-910F-89748DB12F4A}" srcOrd="1" destOrd="0" parTransId="{CA4B337E-4DD6-4361-AE0C-9949F7F37A52}" sibTransId="{29C5D03C-6CDD-4563-9DE3-0C7555425EEC}"/>
    <dgm:cxn modelId="{7DDAC297-D713-4DA6-80C3-FD56B05A6EE2}" type="presOf" srcId="{ED811695-CF0E-42E3-84A3-A5F4669524A6}" destId="{807EEF13-5111-4C10-BF80-0511A4164B0D}" srcOrd="0" destOrd="0" presId="urn:microsoft.com/office/officeart/2018/2/layout/IconVerticalSolidList"/>
    <dgm:cxn modelId="{4D33A9B5-17AA-4D45-B42A-699CAB6FCAD1}" srcId="{1CDCCE0D-FB6C-4791-9EEE-0E1FAFB8A0D8}" destId="{C4BF8590-2FB4-49B5-ABD4-B09D02D7BECE}" srcOrd="3" destOrd="0" parTransId="{C4D5C7AC-0D6D-4137-81EF-C32797FDB896}" sibTransId="{6D14F2F9-ECD3-4D90-9DF5-C4C7EA0D1030}"/>
    <dgm:cxn modelId="{161F23BC-65D1-4313-9A38-AE847E57B5C2}" type="presOf" srcId="{1CDCCE0D-FB6C-4791-9EEE-0E1FAFB8A0D8}" destId="{CC2B850A-698E-4521-86C9-62205E3040C4}" srcOrd="0" destOrd="0" presId="urn:microsoft.com/office/officeart/2018/2/layout/IconVerticalSolidList"/>
    <dgm:cxn modelId="{029CF6CE-A16C-491F-9DF0-298A691809E9}" srcId="{1CDCCE0D-FB6C-4791-9EEE-0E1FAFB8A0D8}" destId="{ED811695-CF0E-42E3-84A3-A5F4669524A6}" srcOrd="0" destOrd="0" parTransId="{59395EDE-A323-44BA-B5FE-F556911815D0}" sibTransId="{55D1A08E-DF94-44C9-98FC-81411D2D7B14}"/>
    <dgm:cxn modelId="{92D61ADC-288F-49C4-B78B-6E16859D3807}" type="presOf" srcId="{7D64B656-A6F5-4182-910F-89748DB12F4A}" destId="{28E13BB4-C7DA-4C09-8A5F-5EFB234576F2}" srcOrd="0" destOrd="0" presId="urn:microsoft.com/office/officeart/2018/2/layout/IconVerticalSolidList"/>
    <dgm:cxn modelId="{7035ACDE-F7F4-4CFC-9A2C-79C4000937C7}" type="presOf" srcId="{C4BF8590-2FB4-49B5-ABD4-B09D02D7BECE}" destId="{1C8E7F0C-630F-4885-85BE-6AEB17F010A4}" srcOrd="0" destOrd="0" presId="urn:microsoft.com/office/officeart/2018/2/layout/IconVerticalSolidList"/>
    <dgm:cxn modelId="{13083AED-610C-4B14-B4D9-0825C03D804B}" srcId="{1CDCCE0D-FB6C-4791-9EEE-0E1FAFB8A0D8}" destId="{5BBD6497-CE2E-4F3A-9935-D041397F31F1}" srcOrd="2" destOrd="0" parTransId="{93823405-D24B-4CD6-999A-391572B6C424}" sibTransId="{CB50D9D8-D701-4A76-B22C-56F03443F4F7}"/>
    <dgm:cxn modelId="{A8E09BD3-74F4-4CCB-95C2-98BB08A84183}" type="presParOf" srcId="{CC2B850A-698E-4521-86C9-62205E3040C4}" destId="{D9BC188B-B3A8-4318-B204-54EA4291DB55}" srcOrd="0" destOrd="0" presId="urn:microsoft.com/office/officeart/2018/2/layout/IconVerticalSolidList"/>
    <dgm:cxn modelId="{51781938-8C57-4E2E-8A5E-F08913B831EE}" type="presParOf" srcId="{D9BC188B-B3A8-4318-B204-54EA4291DB55}" destId="{E4488B30-F35A-43FB-9102-82BF89F87CB5}" srcOrd="0" destOrd="0" presId="urn:microsoft.com/office/officeart/2018/2/layout/IconVerticalSolidList"/>
    <dgm:cxn modelId="{7F24590C-0D3E-4B95-BDF7-A5B24B9C1D9C}" type="presParOf" srcId="{D9BC188B-B3A8-4318-B204-54EA4291DB55}" destId="{1E0596F8-6ED1-49C0-BF69-B1D44CAB2AB2}" srcOrd="1" destOrd="0" presId="urn:microsoft.com/office/officeart/2018/2/layout/IconVerticalSolidList"/>
    <dgm:cxn modelId="{E418E7A1-BF5F-44EF-883D-259FB88F0616}" type="presParOf" srcId="{D9BC188B-B3A8-4318-B204-54EA4291DB55}" destId="{44C2EB40-7765-4AD9-87A1-D444B396E59E}" srcOrd="2" destOrd="0" presId="urn:microsoft.com/office/officeart/2018/2/layout/IconVerticalSolidList"/>
    <dgm:cxn modelId="{EE3A620A-4283-4FD2-BC2A-E06AE10C80B3}" type="presParOf" srcId="{D9BC188B-B3A8-4318-B204-54EA4291DB55}" destId="{807EEF13-5111-4C10-BF80-0511A4164B0D}" srcOrd="3" destOrd="0" presId="urn:microsoft.com/office/officeart/2018/2/layout/IconVerticalSolidList"/>
    <dgm:cxn modelId="{AF3FB33D-C2BF-45B0-B7D1-D763E9DEA28C}" type="presParOf" srcId="{CC2B850A-698E-4521-86C9-62205E3040C4}" destId="{2C1210A9-32B4-48C0-94DB-60D2272A55A1}" srcOrd="1" destOrd="0" presId="urn:microsoft.com/office/officeart/2018/2/layout/IconVerticalSolidList"/>
    <dgm:cxn modelId="{875CBB0E-3E87-44E6-8D12-8C456F83B5FE}" type="presParOf" srcId="{CC2B850A-698E-4521-86C9-62205E3040C4}" destId="{6D827C28-38F2-4714-824C-2194EED24C1E}" srcOrd="2" destOrd="0" presId="urn:microsoft.com/office/officeart/2018/2/layout/IconVerticalSolidList"/>
    <dgm:cxn modelId="{8714C849-C8B1-48B5-84B3-6C2DC4125754}" type="presParOf" srcId="{6D827C28-38F2-4714-824C-2194EED24C1E}" destId="{16452BB0-99BA-4CF5-A92A-D74823506F9C}" srcOrd="0" destOrd="0" presId="urn:microsoft.com/office/officeart/2018/2/layout/IconVerticalSolidList"/>
    <dgm:cxn modelId="{68CAC08F-EE7B-4824-8195-B1821190D424}" type="presParOf" srcId="{6D827C28-38F2-4714-824C-2194EED24C1E}" destId="{7E43E6F5-566D-4AA0-82EE-879D08CB015C}" srcOrd="1" destOrd="0" presId="urn:microsoft.com/office/officeart/2018/2/layout/IconVerticalSolidList"/>
    <dgm:cxn modelId="{B33DE2A3-4130-4055-830B-38ECFB8E4B2F}" type="presParOf" srcId="{6D827C28-38F2-4714-824C-2194EED24C1E}" destId="{69217B23-EFEE-4136-84F4-413F378E0C03}" srcOrd="2" destOrd="0" presId="urn:microsoft.com/office/officeart/2018/2/layout/IconVerticalSolidList"/>
    <dgm:cxn modelId="{BD9CED57-14FB-4D61-9697-8E452FB02764}" type="presParOf" srcId="{6D827C28-38F2-4714-824C-2194EED24C1E}" destId="{28E13BB4-C7DA-4C09-8A5F-5EFB234576F2}" srcOrd="3" destOrd="0" presId="urn:microsoft.com/office/officeart/2018/2/layout/IconVerticalSolidList"/>
    <dgm:cxn modelId="{9880446E-08CA-4BE7-94E4-A0A6208BF555}" type="presParOf" srcId="{CC2B850A-698E-4521-86C9-62205E3040C4}" destId="{19CFC508-7F8A-4E90-B404-AE815926D61D}" srcOrd="3" destOrd="0" presId="urn:microsoft.com/office/officeart/2018/2/layout/IconVerticalSolidList"/>
    <dgm:cxn modelId="{BB34AC20-48D0-4723-8047-9A16555979CD}" type="presParOf" srcId="{CC2B850A-698E-4521-86C9-62205E3040C4}" destId="{204269C5-F1C1-4F90-9346-DBF2F5C1104B}" srcOrd="4" destOrd="0" presId="urn:microsoft.com/office/officeart/2018/2/layout/IconVerticalSolidList"/>
    <dgm:cxn modelId="{479D7DE3-5838-4C02-8B10-6480E9F2F115}" type="presParOf" srcId="{204269C5-F1C1-4F90-9346-DBF2F5C1104B}" destId="{EF2F8B94-1190-404B-A884-6E9EFF2DF002}" srcOrd="0" destOrd="0" presId="urn:microsoft.com/office/officeart/2018/2/layout/IconVerticalSolidList"/>
    <dgm:cxn modelId="{2A197880-992C-403A-B345-AAFF5F6D8177}" type="presParOf" srcId="{204269C5-F1C1-4F90-9346-DBF2F5C1104B}" destId="{5F70B598-15C3-4373-9A37-1690C8316557}" srcOrd="1" destOrd="0" presId="urn:microsoft.com/office/officeart/2018/2/layout/IconVerticalSolidList"/>
    <dgm:cxn modelId="{266F9260-9316-410D-99B8-A85A84DB2C52}" type="presParOf" srcId="{204269C5-F1C1-4F90-9346-DBF2F5C1104B}" destId="{F7D64764-A751-44B8-B9E6-501572188A62}" srcOrd="2" destOrd="0" presId="urn:microsoft.com/office/officeart/2018/2/layout/IconVerticalSolidList"/>
    <dgm:cxn modelId="{55ED7CCB-ABA6-413A-8CDB-53D5BBF90A5E}" type="presParOf" srcId="{204269C5-F1C1-4F90-9346-DBF2F5C1104B}" destId="{18896594-0C40-4B56-9AD5-B32669BCFB2A}" srcOrd="3" destOrd="0" presId="urn:microsoft.com/office/officeart/2018/2/layout/IconVerticalSolidList"/>
    <dgm:cxn modelId="{A8A090CB-986A-491F-AED3-DD26349C813F}" type="presParOf" srcId="{CC2B850A-698E-4521-86C9-62205E3040C4}" destId="{2E7FAC05-0ACC-44B8-9B8D-72BA457196C7}" srcOrd="5" destOrd="0" presId="urn:microsoft.com/office/officeart/2018/2/layout/IconVerticalSolidList"/>
    <dgm:cxn modelId="{B89D84B6-92B4-47E8-B548-B64204CCD8C5}" type="presParOf" srcId="{CC2B850A-698E-4521-86C9-62205E3040C4}" destId="{374BF905-D55E-4BE2-8658-7474AE81D24C}" srcOrd="6" destOrd="0" presId="urn:microsoft.com/office/officeart/2018/2/layout/IconVerticalSolidList"/>
    <dgm:cxn modelId="{B6761FB5-F280-4623-9EA1-E8CE885842D3}" type="presParOf" srcId="{374BF905-D55E-4BE2-8658-7474AE81D24C}" destId="{46C676FB-C549-43C8-B719-C67F8B4F80F2}" srcOrd="0" destOrd="0" presId="urn:microsoft.com/office/officeart/2018/2/layout/IconVerticalSolidList"/>
    <dgm:cxn modelId="{F08FDA4D-B726-41CF-96E2-A68FC1E40501}" type="presParOf" srcId="{374BF905-D55E-4BE2-8658-7474AE81D24C}" destId="{2FE73571-A3DD-4A08-AF3D-F6FCBFA5CDEC}" srcOrd="1" destOrd="0" presId="urn:microsoft.com/office/officeart/2018/2/layout/IconVerticalSolidList"/>
    <dgm:cxn modelId="{E3467AE6-8095-4AEC-8A8E-74DBE5C37EEF}" type="presParOf" srcId="{374BF905-D55E-4BE2-8658-7474AE81D24C}" destId="{4EE673B3-88C5-4A92-A0F4-1501F23A2F80}" srcOrd="2" destOrd="0" presId="urn:microsoft.com/office/officeart/2018/2/layout/IconVerticalSolidList"/>
    <dgm:cxn modelId="{6D1853B6-C074-4192-A270-176AEE9DDE56}" type="presParOf" srcId="{374BF905-D55E-4BE2-8658-7474AE81D24C}" destId="{1C8E7F0C-630F-4885-85BE-6AEB17F010A4}"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EB5DF72C-3BA2-4386-81BD-5646916AB3CC}" type="doc">
      <dgm:prSet loTypeId="urn:microsoft.com/office/officeart/2005/8/layout/vList2" loCatId="list" qsTypeId="urn:microsoft.com/office/officeart/2005/8/quickstyle/simple1" qsCatId="simple" csTypeId="urn:microsoft.com/office/officeart/2005/8/colors/accent1_2" csCatId="accent1"/>
      <dgm:spPr/>
      <dgm:t>
        <a:bodyPr/>
        <a:lstStyle/>
        <a:p>
          <a:endParaRPr lang="en-US"/>
        </a:p>
      </dgm:t>
    </dgm:pt>
    <dgm:pt modelId="{34E952D6-81DE-482B-9825-7AB0E26BC983}">
      <dgm:prSet/>
      <dgm:spPr/>
      <dgm:t>
        <a:bodyPr/>
        <a:lstStyle/>
        <a:p>
          <a:r>
            <a:rPr lang="en-US"/>
            <a:t>Flood risk doesn’t affect everyone the same way</a:t>
          </a:r>
        </a:p>
      </dgm:t>
    </dgm:pt>
    <dgm:pt modelId="{8782D66D-A9F8-4A90-8CBC-D2962A1903DE}" type="parTrans" cxnId="{6191B7EC-B583-4C17-8DDB-CA383DFA5331}">
      <dgm:prSet/>
      <dgm:spPr/>
      <dgm:t>
        <a:bodyPr/>
        <a:lstStyle/>
        <a:p>
          <a:endParaRPr lang="en-US"/>
        </a:p>
      </dgm:t>
    </dgm:pt>
    <dgm:pt modelId="{8ABCD38E-07BA-4C9B-9A73-45C408D9435A}" type="sibTrans" cxnId="{6191B7EC-B583-4C17-8DDB-CA383DFA5331}">
      <dgm:prSet/>
      <dgm:spPr/>
      <dgm:t>
        <a:bodyPr/>
        <a:lstStyle/>
        <a:p>
          <a:endParaRPr lang="en-US"/>
        </a:p>
      </dgm:t>
    </dgm:pt>
    <dgm:pt modelId="{D72EA21F-BDB3-4F24-97FB-FA9C961F4159}">
      <dgm:prSet/>
      <dgm:spPr/>
      <dgm:t>
        <a:bodyPr/>
        <a:lstStyle/>
        <a:p>
          <a:r>
            <a:rPr lang="en-US"/>
            <a:t>Overburdened Communities are often hit first and recover last</a:t>
          </a:r>
        </a:p>
      </dgm:t>
    </dgm:pt>
    <dgm:pt modelId="{287A81D8-882C-4F83-973F-252EC011FF0F}" type="parTrans" cxnId="{D6EEA4AC-C3D6-47E2-A756-33641F344F81}">
      <dgm:prSet/>
      <dgm:spPr/>
      <dgm:t>
        <a:bodyPr/>
        <a:lstStyle/>
        <a:p>
          <a:endParaRPr lang="en-US"/>
        </a:p>
      </dgm:t>
    </dgm:pt>
    <dgm:pt modelId="{A5CDD5A4-D051-4E5D-9C6A-755765CFF241}" type="sibTrans" cxnId="{D6EEA4AC-C3D6-47E2-A756-33641F344F81}">
      <dgm:prSet/>
      <dgm:spPr/>
      <dgm:t>
        <a:bodyPr/>
        <a:lstStyle/>
        <a:p>
          <a:endParaRPr lang="en-US"/>
        </a:p>
      </dgm:t>
    </dgm:pt>
    <dgm:pt modelId="{62142276-94C5-4DB1-9CD7-075DE48F844B}">
      <dgm:prSet/>
      <dgm:spPr/>
      <dgm:t>
        <a:bodyPr/>
        <a:lstStyle/>
        <a:p>
          <a:r>
            <a:rPr lang="en-US"/>
            <a:t>Seniors, renters, and people with limited mobility face added challenges</a:t>
          </a:r>
        </a:p>
      </dgm:t>
    </dgm:pt>
    <dgm:pt modelId="{12354D2E-5628-4B26-A7ED-0E2B87DD1887}" type="parTrans" cxnId="{D0130B55-3678-4597-8EB2-66A677229655}">
      <dgm:prSet/>
      <dgm:spPr/>
      <dgm:t>
        <a:bodyPr/>
        <a:lstStyle/>
        <a:p>
          <a:endParaRPr lang="en-US"/>
        </a:p>
      </dgm:t>
    </dgm:pt>
    <dgm:pt modelId="{94EFA455-7F51-4C03-89FB-F0E74ABC9B29}" type="sibTrans" cxnId="{D0130B55-3678-4597-8EB2-66A677229655}">
      <dgm:prSet/>
      <dgm:spPr/>
      <dgm:t>
        <a:bodyPr/>
        <a:lstStyle/>
        <a:p>
          <a:endParaRPr lang="en-US"/>
        </a:p>
      </dgm:t>
    </dgm:pt>
    <dgm:pt modelId="{68ECEDD4-7D03-4CD2-B932-A2B63DD28FA4}">
      <dgm:prSet/>
      <dgm:spPr/>
      <dgm:t>
        <a:bodyPr/>
        <a:lstStyle/>
        <a:p>
          <a:r>
            <a:rPr lang="en-US"/>
            <a:t>Several critical facilities are also located in flood‑prone areas</a:t>
          </a:r>
        </a:p>
      </dgm:t>
    </dgm:pt>
    <dgm:pt modelId="{FE5B664D-F427-4AAF-8EFC-8D32B5BB0BD3}" type="parTrans" cxnId="{0B8D4639-8058-4C47-A57E-AA2B3D884AB5}">
      <dgm:prSet/>
      <dgm:spPr/>
      <dgm:t>
        <a:bodyPr/>
        <a:lstStyle/>
        <a:p>
          <a:endParaRPr lang="en-US"/>
        </a:p>
      </dgm:t>
    </dgm:pt>
    <dgm:pt modelId="{6F1E8266-22FF-4AC2-B546-46F6076BF3B8}" type="sibTrans" cxnId="{0B8D4639-8058-4C47-A57E-AA2B3D884AB5}">
      <dgm:prSet/>
      <dgm:spPr/>
      <dgm:t>
        <a:bodyPr/>
        <a:lstStyle/>
        <a:p>
          <a:endParaRPr lang="en-US"/>
        </a:p>
      </dgm:t>
    </dgm:pt>
    <dgm:pt modelId="{B21BC737-0923-46D0-8AA0-12FB17901C8F}" type="pres">
      <dgm:prSet presAssocID="{EB5DF72C-3BA2-4386-81BD-5646916AB3CC}" presName="linear" presStyleCnt="0">
        <dgm:presLayoutVars>
          <dgm:animLvl val="lvl"/>
          <dgm:resizeHandles val="exact"/>
        </dgm:presLayoutVars>
      </dgm:prSet>
      <dgm:spPr/>
    </dgm:pt>
    <dgm:pt modelId="{21DD4B89-F1D4-448D-ACAD-C6948463D8F9}" type="pres">
      <dgm:prSet presAssocID="{34E952D6-81DE-482B-9825-7AB0E26BC983}" presName="parentText" presStyleLbl="node1" presStyleIdx="0" presStyleCnt="4">
        <dgm:presLayoutVars>
          <dgm:chMax val="0"/>
          <dgm:bulletEnabled val="1"/>
        </dgm:presLayoutVars>
      </dgm:prSet>
      <dgm:spPr/>
    </dgm:pt>
    <dgm:pt modelId="{F62C1898-2F7B-4FCD-A875-16B2B351D817}" type="pres">
      <dgm:prSet presAssocID="{8ABCD38E-07BA-4C9B-9A73-45C408D9435A}" presName="spacer" presStyleCnt="0"/>
      <dgm:spPr/>
    </dgm:pt>
    <dgm:pt modelId="{1E54C712-93AA-4291-9B10-8D8E53C2F0AE}" type="pres">
      <dgm:prSet presAssocID="{D72EA21F-BDB3-4F24-97FB-FA9C961F4159}" presName="parentText" presStyleLbl="node1" presStyleIdx="1" presStyleCnt="4">
        <dgm:presLayoutVars>
          <dgm:chMax val="0"/>
          <dgm:bulletEnabled val="1"/>
        </dgm:presLayoutVars>
      </dgm:prSet>
      <dgm:spPr/>
    </dgm:pt>
    <dgm:pt modelId="{F273E2CB-A5AB-427F-AA02-06E4B61A94A4}" type="pres">
      <dgm:prSet presAssocID="{A5CDD5A4-D051-4E5D-9C6A-755765CFF241}" presName="spacer" presStyleCnt="0"/>
      <dgm:spPr/>
    </dgm:pt>
    <dgm:pt modelId="{D3815D25-6E20-4201-87A8-8945542FDE98}" type="pres">
      <dgm:prSet presAssocID="{62142276-94C5-4DB1-9CD7-075DE48F844B}" presName="parentText" presStyleLbl="node1" presStyleIdx="2" presStyleCnt="4">
        <dgm:presLayoutVars>
          <dgm:chMax val="0"/>
          <dgm:bulletEnabled val="1"/>
        </dgm:presLayoutVars>
      </dgm:prSet>
      <dgm:spPr/>
    </dgm:pt>
    <dgm:pt modelId="{A22FA578-545A-4F9B-A2CE-D1094303F797}" type="pres">
      <dgm:prSet presAssocID="{94EFA455-7F51-4C03-89FB-F0E74ABC9B29}" presName="spacer" presStyleCnt="0"/>
      <dgm:spPr/>
    </dgm:pt>
    <dgm:pt modelId="{6AA977C1-1343-463C-9537-A8990E6B62EE}" type="pres">
      <dgm:prSet presAssocID="{68ECEDD4-7D03-4CD2-B932-A2B63DD28FA4}" presName="parentText" presStyleLbl="node1" presStyleIdx="3" presStyleCnt="4">
        <dgm:presLayoutVars>
          <dgm:chMax val="0"/>
          <dgm:bulletEnabled val="1"/>
        </dgm:presLayoutVars>
      </dgm:prSet>
      <dgm:spPr/>
    </dgm:pt>
  </dgm:ptLst>
  <dgm:cxnLst>
    <dgm:cxn modelId="{0B8D4639-8058-4C47-A57E-AA2B3D884AB5}" srcId="{EB5DF72C-3BA2-4386-81BD-5646916AB3CC}" destId="{68ECEDD4-7D03-4CD2-B932-A2B63DD28FA4}" srcOrd="3" destOrd="0" parTransId="{FE5B664D-F427-4AAF-8EFC-8D32B5BB0BD3}" sibTransId="{6F1E8266-22FF-4AC2-B546-46F6076BF3B8}"/>
    <dgm:cxn modelId="{81C87541-5241-4BEA-80F7-998DD6D71D13}" type="presOf" srcId="{D72EA21F-BDB3-4F24-97FB-FA9C961F4159}" destId="{1E54C712-93AA-4291-9B10-8D8E53C2F0AE}" srcOrd="0" destOrd="0" presId="urn:microsoft.com/office/officeart/2005/8/layout/vList2"/>
    <dgm:cxn modelId="{D0130B55-3678-4597-8EB2-66A677229655}" srcId="{EB5DF72C-3BA2-4386-81BD-5646916AB3CC}" destId="{62142276-94C5-4DB1-9CD7-075DE48F844B}" srcOrd="2" destOrd="0" parTransId="{12354D2E-5628-4B26-A7ED-0E2B87DD1887}" sibTransId="{94EFA455-7F51-4C03-89FB-F0E74ABC9B29}"/>
    <dgm:cxn modelId="{D6EEA4AC-C3D6-47E2-A756-33641F344F81}" srcId="{EB5DF72C-3BA2-4386-81BD-5646916AB3CC}" destId="{D72EA21F-BDB3-4F24-97FB-FA9C961F4159}" srcOrd="1" destOrd="0" parTransId="{287A81D8-882C-4F83-973F-252EC011FF0F}" sibTransId="{A5CDD5A4-D051-4E5D-9C6A-755765CFF241}"/>
    <dgm:cxn modelId="{52B116B5-27EA-4D76-BABC-55DB5BAA17C0}" type="presOf" srcId="{EB5DF72C-3BA2-4386-81BD-5646916AB3CC}" destId="{B21BC737-0923-46D0-8AA0-12FB17901C8F}" srcOrd="0" destOrd="0" presId="urn:microsoft.com/office/officeart/2005/8/layout/vList2"/>
    <dgm:cxn modelId="{146DE0CE-C382-4DEF-8C10-4BC2CBDE2C2E}" type="presOf" srcId="{34E952D6-81DE-482B-9825-7AB0E26BC983}" destId="{21DD4B89-F1D4-448D-ACAD-C6948463D8F9}" srcOrd="0" destOrd="0" presId="urn:microsoft.com/office/officeart/2005/8/layout/vList2"/>
    <dgm:cxn modelId="{6191B7EC-B583-4C17-8DDB-CA383DFA5331}" srcId="{EB5DF72C-3BA2-4386-81BD-5646916AB3CC}" destId="{34E952D6-81DE-482B-9825-7AB0E26BC983}" srcOrd="0" destOrd="0" parTransId="{8782D66D-A9F8-4A90-8CBC-D2962A1903DE}" sibTransId="{8ABCD38E-07BA-4C9B-9A73-45C408D9435A}"/>
    <dgm:cxn modelId="{CD3FACF0-B3E5-46BC-BA98-2445E5F2BA4C}" type="presOf" srcId="{62142276-94C5-4DB1-9CD7-075DE48F844B}" destId="{D3815D25-6E20-4201-87A8-8945542FDE98}" srcOrd="0" destOrd="0" presId="urn:microsoft.com/office/officeart/2005/8/layout/vList2"/>
    <dgm:cxn modelId="{446F5EF5-5DE3-42C9-B2FB-4DED2963A735}" type="presOf" srcId="{68ECEDD4-7D03-4CD2-B932-A2B63DD28FA4}" destId="{6AA977C1-1343-463C-9537-A8990E6B62EE}" srcOrd="0" destOrd="0" presId="urn:microsoft.com/office/officeart/2005/8/layout/vList2"/>
    <dgm:cxn modelId="{5E443B40-FD9C-4165-8CCE-66391F325A57}" type="presParOf" srcId="{B21BC737-0923-46D0-8AA0-12FB17901C8F}" destId="{21DD4B89-F1D4-448D-ACAD-C6948463D8F9}" srcOrd="0" destOrd="0" presId="urn:microsoft.com/office/officeart/2005/8/layout/vList2"/>
    <dgm:cxn modelId="{93DEC15D-B3E0-4FAA-A39F-F604CBDE487C}" type="presParOf" srcId="{B21BC737-0923-46D0-8AA0-12FB17901C8F}" destId="{F62C1898-2F7B-4FCD-A875-16B2B351D817}" srcOrd="1" destOrd="0" presId="urn:microsoft.com/office/officeart/2005/8/layout/vList2"/>
    <dgm:cxn modelId="{962EF3C2-FD31-4272-A51A-AB8E43E555B8}" type="presParOf" srcId="{B21BC737-0923-46D0-8AA0-12FB17901C8F}" destId="{1E54C712-93AA-4291-9B10-8D8E53C2F0AE}" srcOrd="2" destOrd="0" presId="urn:microsoft.com/office/officeart/2005/8/layout/vList2"/>
    <dgm:cxn modelId="{EE39B809-0B35-41C7-AB70-225F065C4DFE}" type="presParOf" srcId="{B21BC737-0923-46D0-8AA0-12FB17901C8F}" destId="{F273E2CB-A5AB-427F-AA02-06E4B61A94A4}" srcOrd="3" destOrd="0" presId="urn:microsoft.com/office/officeart/2005/8/layout/vList2"/>
    <dgm:cxn modelId="{3899DF7C-74E8-4A8D-B5B4-EE9A14E203C8}" type="presParOf" srcId="{B21BC737-0923-46D0-8AA0-12FB17901C8F}" destId="{D3815D25-6E20-4201-87A8-8945542FDE98}" srcOrd="4" destOrd="0" presId="urn:microsoft.com/office/officeart/2005/8/layout/vList2"/>
    <dgm:cxn modelId="{67589F93-692E-48D6-9BB6-3C70B4CD4E41}" type="presParOf" srcId="{B21BC737-0923-46D0-8AA0-12FB17901C8F}" destId="{A22FA578-545A-4F9B-A2CE-D1094303F797}" srcOrd="5" destOrd="0" presId="urn:microsoft.com/office/officeart/2005/8/layout/vList2"/>
    <dgm:cxn modelId="{8F34EE3B-6FAF-41A0-954B-1C4534947DAC}" type="presParOf" srcId="{B21BC737-0923-46D0-8AA0-12FB17901C8F}" destId="{6AA977C1-1343-463C-9537-A8990E6B62EE}" srcOrd="6"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5BA3B672-6799-4719-8E66-30AC6FEF78B8}"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8D0B25AF-7C82-466C-B6FE-48267BB64CFB}">
      <dgm:prSet/>
      <dgm:spPr/>
      <dgm:t>
        <a:bodyPr/>
        <a:lstStyle/>
        <a:p>
          <a:r>
            <a:rPr lang="en-US"/>
            <a:t>This amendment defines what needs to change in local planning</a:t>
          </a:r>
        </a:p>
      </dgm:t>
    </dgm:pt>
    <dgm:pt modelId="{0AEB2C7E-1FC7-4780-8AA9-A0C75DAE0757}" type="parTrans" cxnId="{BC7C101F-D9B3-49DD-8FBD-525E65831138}">
      <dgm:prSet/>
      <dgm:spPr/>
      <dgm:t>
        <a:bodyPr/>
        <a:lstStyle/>
        <a:p>
          <a:endParaRPr lang="en-US"/>
        </a:p>
      </dgm:t>
    </dgm:pt>
    <dgm:pt modelId="{F7FB9990-EE7B-4A56-892C-E7D41BA35595}" type="sibTrans" cxnId="{BC7C101F-D9B3-49DD-8FBD-525E65831138}">
      <dgm:prSet/>
      <dgm:spPr/>
      <dgm:t>
        <a:bodyPr/>
        <a:lstStyle/>
        <a:p>
          <a:endParaRPr lang="en-US"/>
        </a:p>
      </dgm:t>
    </dgm:pt>
    <dgm:pt modelId="{03168123-553B-460F-B031-F55D8654A706}">
      <dgm:prSet/>
      <dgm:spPr/>
      <dgm:t>
        <a:bodyPr/>
        <a:lstStyle/>
        <a:p>
          <a:r>
            <a:rPr lang="en-US"/>
            <a:t>It brings climate risk directly into land use decisions</a:t>
          </a:r>
        </a:p>
      </dgm:t>
    </dgm:pt>
    <dgm:pt modelId="{974C77A0-B7D5-4251-9DA0-EFA6C7C110D0}" type="parTrans" cxnId="{E0C4BBC4-5B32-4186-8D89-F8374AB4D2F7}">
      <dgm:prSet/>
      <dgm:spPr/>
      <dgm:t>
        <a:bodyPr/>
        <a:lstStyle/>
        <a:p>
          <a:endParaRPr lang="en-US"/>
        </a:p>
      </dgm:t>
    </dgm:pt>
    <dgm:pt modelId="{717B4849-CA5B-4556-9618-CC10AAE4DD41}" type="sibTrans" cxnId="{E0C4BBC4-5B32-4186-8D89-F8374AB4D2F7}">
      <dgm:prSet/>
      <dgm:spPr/>
      <dgm:t>
        <a:bodyPr/>
        <a:lstStyle/>
        <a:p>
          <a:endParaRPr lang="en-US"/>
        </a:p>
      </dgm:t>
    </dgm:pt>
    <dgm:pt modelId="{BF95B331-1637-4CE5-9815-218240581CCD}">
      <dgm:prSet/>
      <dgm:spPr/>
      <dgm:t>
        <a:bodyPr/>
        <a:lstStyle/>
        <a:p>
          <a:r>
            <a:rPr lang="en-US" dirty="0"/>
            <a:t>Recommends actions and policies to reflect new realities</a:t>
          </a:r>
        </a:p>
      </dgm:t>
    </dgm:pt>
    <dgm:pt modelId="{5C57B22A-F8C4-4B3E-B866-B735488E4C5C}" type="parTrans" cxnId="{BF9760ED-A21D-4FEF-8DD6-DEC870DEB5A7}">
      <dgm:prSet/>
      <dgm:spPr/>
      <dgm:t>
        <a:bodyPr/>
        <a:lstStyle/>
        <a:p>
          <a:endParaRPr lang="en-US"/>
        </a:p>
      </dgm:t>
    </dgm:pt>
    <dgm:pt modelId="{2B83CC10-A9A6-41F6-AC8D-D907E5F8EEB1}" type="sibTrans" cxnId="{BF9760ED-A21D-4FEF-8DD6-DEC870DEB5A7}">
      <dgm:prSet/>
      <dgm:spPr/>
      <dgm:t>
        <a:bodyPr/>
        <a:lstStyle/>
        <a:p>
          <a:endParaRPr lang="en-US"/>
        </a:p>
      </dgm:t>
    </dgm:pt>
    <dgm:pt modelId="{99EE39D3-958F-4063-AB86-D8365565A816}">
      <dgm:prSet/>
      <dgm:spPr/>
      <dgm:t>
        <a:bodyPr/>
        <a:lstStyle/>
        <a:p>
          <a:r>
            <a:rPr lang="en-US"/>
            <a:t>Planning better aligns with state resilience goals</a:t>
          </a:r>
        </a:p>
      </dgm:t>
    </dgm:pt>
    <dgm:pt modelId="{174EC116-CEAE-4B0C-9BDA-3AF2AFF6D546}" type="parTrans" cxnId="{67AFA84E-DB6A-4201-B138-7552C08A06FA}">
      <dgm:prSet/>
      <dgm:spPr/>
      <dgm:t>
        <a:bodyPr/>
        <a:lstStyle/>
        <a:p>
          <a:endParaRPr lang="en-US"/>
        </a:p>
      </dgm:t>
    </dgm:pt>
    <dgm:pt modelId="{CCB55E31-86E8-4095-BF2D-454685599B14}" type="sibTrans" cxnId="{67AFA84E-DB6A-4201-B138-7552C08A06FA}">
      <dgm:prSet/>
      <dgm:spPr/>
      <dgm:t>
        <a:bodyPr/>
        <a:lstStyle/>
        <a:p>
          <a:endParaRPr lang="en-US"/>
        </a:p>
      </dgm:t>
    </dgm:pt>
    <dgm:pt modelId="{77E8AE11-D141-49D6-A63C-2DD5C1A2F88B}" type="pres">
      <dgm:prSet presAssocID="{5BA3B672-6799-4719-8E66-30AC6FEF78B8}" presName="linear" presStyleCnt="0">
        <dgm:presLayoutVars>
          <dgm:animLvl val="lvl"/>
          <dgm:resizeHandles val="exact"/>
        </dgm:presLayoutVars>
      </dgm:prSet>
      <dgm:spPr/>
    </dgm:pt>
    <dgm:pt modelId="{B9637466-ACD0-4778-834B-FDB82C9D8317}" type="pres">
      <dgm:prSet presAssocID="{8D0B25AF-7C82-466C-B6FE-48267BB64CFB}" presName="parentText" presStyleLbl="node1" presStyleIdx="0" presStyleCnt="4">
        <dgm:presLayoutVars>
          <dgm:chMax val="0"/>
          <dgm:bulletEnabled val="1"/>
        </dgm:presLayoutVars>
      </dgm:prSet>
      <dgm:spPr/>
    </dgm:pt>
    <dgm:pt modelId="{AA49EDFF-766A-482F-8F4C-EE9E5A594F72}" type="pres">
      <dgm:prSet presAssocID="{F7FB9990-EE7B-4A56-892C-E7D41BA35595}" presName="spacer" presStyleCnt="0"/>
      <dgm:spPr/>
    </dgm:pt>
    <dgm:pt modelId="{0A58E74F-188E-4B0E-AA2B-03FFAFF6F3F2}" type="pres">
      <dgm:prSet presAssocID="{03168123-553B-460F-B031-F55D8654A706}" presName="parentText" presStyleLbl="node1" presStyleIdx="1" presStyleCnt="4">
        <dgm:presLayoutVars>
          <dgm:chMax val="0"/>
          <dgm:bulletEnabled val="1"/>
        </dgm:presLayoutVars>
      </dgm:prSet>
      <dgm:spPr/>
    </dgm:pt>
    <dgm:pt modelId="{B0990B1C-E27E-400D-8549-9FA3E67DDC7F}" type="pres">
      <dgm:prSet presAssocID="{717B4849-CA5B-4556-9618-CC10AAE4DD41}" presName="spacer" presStyleCnt="0"/>
      <dgm:spPr/>
    </dgm:pt>
    <dgm:pt modelId="{187744BE-813C-4C28-BFA5-EA194CBDF572}" type="pres">
      <dgm:prSet presAssocID="{BF95B331-1637-4CE5-9815-218240581CCD}" presName="parentText" presStyleLbl="node1" presStyleIdx="2" presStyleCnt="4">
        <dgm:presLayoutVars>
          <dgm:chMax val="0"/>
          <dgm:bulletEnabled val="1"/>
        </dgm:presLayoutVars>
      </dgm:prSet>
      <dgm:spPr/>
    </dgm:pt>
    <dgm:pt modelId="{82BF16CA-801E-4D84-9531-433142C37F16}" type="pres">
      <dgm:prSet presAssocID="{2B83CC10-A9A6-41F6-AC8D-D907E5F8EEB1}" presName="spacer" presStyleCnt="0"/>
      <dgm:spPr/>
    </dgm:pt>
    <dgm:pt modelId="{096A2C23-B56A-46DC-BCE9-5987A781FBBB}" type="pres">
      <dgm:prSet presAssocID="{99EE39D3-958F-4063-AB86-D8365565A816}" presName="parentText" presStyleLbl="node1" presStyleIdx="3" presStyleCnt="4">
        <dgm:presLayoutVars>
          <dgm:chMax val="0"/>
          <dgm:bulletEnabled val="1"/>
        </dgm:presLayoutVars>
      </dgm:prSet>
      <dgm:spPr/>
    </dgm:pt>
  </dgm:ptLst>
  <dgm:cxnLst>
    <dgm:cxn modelId="{B3169716-7A35-47E0-8369-B03C005097F7}" type="presOf" srcId="{99EE39D3-958F-4063-AB86-D8365565A816}" destId="{096A2C23-B56A-46DC-BCE9-5987A781FBBB}" srcOrd="0" destOrd="0" presId="urn:microsoft.com/office/officeart/2005/8/layout/vList2"/>
    <dgm:cxn modelId="{30377B1B-324C-4528-BC84-94DD4947C7C1}" type="presOf" srcId="{03168123-553B-460F-B031-F55D8654A706}" destId="{0A58E74F-188E-4B0E-AA2B-03FFAFF6F3F2}" srcOrd="0" destOrd="0" presId="urn:microsoft.com/office/officeart/2005/8/layout/vList2"/>
    <dgm:cxn modelId="{BC7C101F-D9B3-49DD-8FBD-525E65831138}" srcId="{5BA3B672-6799-4719-8E66-30AC6FEF78B8}" destId="{8D0B25AF-7C82-466C-B6FE-48267BB64CFB}" srcOrd="0" destOrd="0" parTransId="{0AEB2C7E-1FC7-4780-8AA9-A0C75DAE0757}" sibTransId="{F7FB9990-EE7B-4A56-892C-E7D41BA35595}"/>
    <dgm:cxn modelId="{67AFA84E-DB6A-4201-B138-7552C08A06FA}" srcId="{5BA3B672-6799-4719-8E66-30AC6FEF78B8}" destId="{99EE39D3-958F-4063-AB86-D8365565A816}" srcOrd="3" destOrd="0" parTransId="{174EC116-CEAE-4B0C-9BDA-3AF2AFF6D546}" sibTransId="{CCB55E31-86E8-4095-BF2D-454685599B14}"/>
    <dgm:cxn modelId="{2FB29078-9BBD-4534-B54C-C953E3C5231B}" type="presOf" srcId="{BF95B331-1637-4CE5-9815-218240581CCD}" destId="{187744BE-813C-4C28-BFA5-EA194CBDF572}" srcOrd="0" destOrd="0" presId="urn:microsoft.com/office/officeart/2005/8/layout/vList2"/>
    <dgm:cxn modelId="{CA3AD08B-7E17-438E-91CC-CA93EC802A03}" type="presOf" srcId="{5BA3B672-6799-4719-8E66-30AC6FEF78B8}" destId="{77E8AE11-D141-49D6-A63C-2DD5C1A2F88B}" srcOrd="0" destOrd="0" presId="urn:microsoft.com/office/officeart/2005/8/layout/vList2"/>
    <dgm:cxn modelId="{E0C4BBC4-5B32-4186-8D89-F8374AB4D2F7}" srcId="{5BA3B672-6799-4719-8E66-30AC6FEF78B8}" destId="{03168123-553B-460F-B031-F55D8654A706}" srcOrd="1" destOrd="0" parTransId="{974C77A0-B7D5-4251-9DA0-EFA6C7C110D0}" sibTransId="{717B4849-CA5B-4556-9618-CC10AAE4DD41}"/>
    <dgm:cxn modelId="{1B5420C5-109C-4508-9CE2-E6D8472B3F9B}" type="presOf" srcId="{8D0B25AF-7C82-466C-B6FE-48267BB64CFB}" destId="{B9637466-ACD0-4778-834B-FDB82C9D8317}" srcOrd="0" destOrd="0" presId="urn:microsoft.com/office/officeart/2005/8/layout/vList2"/>
    <dgm:cxn modelId="{BF9760ED-A21D-4FEF-8DD6-DEC870DEB5A7}" srcId="{5BA3B672-6799-4719-8E66-30AC6FEF78B8}" destId="{BF95B331-1637-4CE5-9815-218240581CCD}" srcOrd="2" destOrd="0" parTransId="{5C57B22A-F8C4-4B3E-B866-B735488E4C5C}" sibTransId="{2B83CC10-A9A6-41F6-AC8D-D907E5F8EEB1}"/>
    <dgm:cxn modelId="{41408BC3-3C9D-4771-AB06-E3098FF0A88C}" type="presParOf" srcId="{77E8AE11-D141-49D6-A63C-2DD5C1A2F88B}" destId="{B9637466-ACD0-4778-834B-FDB82C9D8317}" srcOrd="0" destOrd="0" presId="urn:microsoft.com/office/officeart/2005/8/layout/vList2"/>
    <dgm:cxn modelId="{F2E3070A-BC40-466C-8C47-E68C9DEB8FFC}" type="presParOf" srcId="{77E8AE11-D141-49D6-A63C-2DD5C1A2F88B}" destId="{AA49EDFF-766A-482F-8F4C-EE9E5A594F72}" srcOrd="1" destOrd="0" presId="urn:microsoft.com/office/officeart/2005/8/layout/vList2"/>
    <dgm:cxn modelId="{26CD6A7F-EF8F-4305-99E8-80C7BA622113}" type="presParOf" srcId="{77E8AE11-D141-49D6-A63C-2DD5C1A2F88B}" destId="{0A58E74F-188E-4B0E-AA2B-03FFAFF6F3F2}" srcOrd="2" destOrd="0" presId="urn:microsoft.com/office/officeart/2005/8/layout/vList2"/>
    <dgm:cxn modelId="{A1DE6D11-40DC-45CA-9D13-70BDE864C54E}" type="presParOf" srcId="{77E8AE11-D141-49D6-A63C-2DD5C1A2F88B}" destId="{B0990B1C-E27E-400D-8549-9FA3E67DDC7F}" srcOrd="3" destOrd="0" presId="urn:microsoft.com/office/officeart/2005/8/layout/vList2"/>
    <dgm:cxn modelId="{0B630E47-73E5-46BA-903A-7651362F7C0F}" type="presParOf" srcId="{77E8AE11-D141-49D6-A63C-2DD5C1A2F88B}" destId="{187744BE-813C-4C28-BFA5-EA194CBDF572}" srcOrd="4" destOrd="0" presId="urn:microsoft.com/office/officeart/2005/8/layout/vList2"/>
    <dgm:cxn modelId="{705EC5FF-76D4-48D1-A3CB-E24956B91B5B}" type="presParOf" srcId="{77E8AE11-D141-49D6-A63C-2DD5C1A2F88B}" destId="{82BF16CA-801E-4D84-9531-433142C37F16}" srcOrd="5" destOrd="0" presId="urn:microsoft.com/office/officeart/2005/8/layout/vList2"/>
    <dgm:cxn modelId="{D926C76A-2494-41F0-9EE4-10FD8263EE66}" type="presParOf" srcId="{77E8AE11-D141-49D6-A63C-2DD5C1A2F88B}" destId="{096A2C23-B56A-46DC-BCE9-5987A781FBBB}" srcOrd="6" destOrd="0" presId="urn:microsoft.com/office/officeart/2005/8/layout/vList2"/>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91A20E7E-48C3-4937-8FD4-4BF5EC2006FE}"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9988071B-6E9B-4B24-AB04-665C45C8DAB6}">
      <dgm:prSet/>
      <dgm:spPr/>
      <dgm:t>
        <a:bodyPr/>
        <a:lstStyle/>
        <a:p>
          <a:r>
            <a:rPr lang="en-US"/>
            <a:t>Reduce flood risk to people and property</a:t>
          </a:r>
        </a:p>
      </dgm:t>
    </dgm:pt>
    <dgm:pt modelId="{7ECE4B8A-9E12-479B-8CD4-C5EC5E9B4130}" type="parTrans" cxnId="{174B29C6-3D0E-42A8-953B-AF0BED2AFF7C}">
      <dgm:prSet/>
      <dgm:spPr/>
      <dgm:t>
        <a:bodyPr/>
        <a:lstStyle/>
        <a:p>
          <a:endParaRPr lang="en-US"/>
        </a:p>
      </dgm:t>
    </dgm:pt>
    <dgm:pt modelId="{C525DF3C-7C4A-4CC5-ADF5-4ABD78EC18B4}" type="sibTrans" cxnId="{174B29C6-3D0E-42A8-953B-AF0BED2AFF7C}">
      <dgm:prSet/>
      <dgm:spPr/>
      <dgm:t>
        <a:bodyPr/>
        <a:lstStyle/>
        <a:p>
          <a:endParaRPr lang="en-US"/>
        </a:p>
      </dgm:t>
    </dgm:pt>
    <dgm:pt modelId="{A791DD9A-0C8F-45F8-9134-58211B8A1744}">
      <dgm:prSet/>
      <dgm:spPr/>
      <dgm:t>
        <a:bodyPr/>
        <a:lstStyle/>
        <a:p>
          <a:r>
            <a:rPr lang="en-US"/>
            <a:t>Address extreme heat impacts</a:t>
          </a:r>
        </a:p>
      </dgm:t>
    </dgm:pt>
    <dgm:pt modelId="{DE9E8D3D-30B6-4AE6-94F6-8D5EA3AD6844}" type="parTrans" cxnId="{D1DF01AC-8E88-4210-A49C-F07877BA2DB6}">
      <dgm:prSet/>
      <dgm:spPr/>
      <dgm:t>
        <a:bodyPr/>
        <a:lstStyle/>
        <a:p>
          <a:endParaRPr lang="en-US"/>
        </a:p>
      </dgm:t>
    </dgm:pt>
    <dgm:pt modelId="{33F1DF92-DC2D-4541-AB60-08DBCCE90256}" type="sibTrans" cxnId="{D1DF01AC-8E88-4210-A49C-F07877BA2DB6}">
      <dgm:prSet/>
      <dgm:spPr/>
      <dgm:t>
        <a:bodyPr/>
        <a:lstStyle/>
        <a:p>
          <a:endParaRPr lang="en-US"/>
        </a:p>
      </dgm:t>
    </dgm:pt>
    <dgm:pt modelId="{7C23C883-605B-4DBB-8A65-0D5FEC220A23}">
      <dgm:prSet/>
      <dgm:spPr/>
      <dgm:t>
        <a:bodyPr/>
        <a:lstStyle/>
        <a:p>
          <a:r>
            <a:rPr lang="en-US"/>
            <a:t>Protect critical infrastructure</a:t>
          </a:r>
        </a:p>
      </dgm:t>
    </dgm:pt>
    <dgm:pt modelId="{0DC57B86-E8D5-4E4C-ABAA-DC2267A5D1D2}" type="parTrans" cxnId="{FA52120B-7CE5-4DAA-A8A0-CC19C39A7A5E}">
      <dgm:prSet/>
      <dgm:spPr/>
      <dgm:t>
        <a:bodyPr/>
        <a:lstStyle/>
        <a:p>
          <a:endParaRPr lang="en-US"/>
        </a:p>
      </dgm:t>
    </dgm:pt>
    <dgm:pt modelId="{52840712-3428-4DD1-9DA4-973EC4144502}" type="sibTrans" cxnId="{FA52120B-7CE5-4DAA-A8A0-CC19C39A7A5E}">
      <dgm:prSet/>
      <dgm:spPr/>
      <dgm:t>
        <a:bodyPr/>
        <a:lstStyle/>
        <a:p>
          <a:endParaRPr lang="en-US"/>
        </a:p>
      </dgm:t>
    </dgm:pt>
    <dgm:pt modelId="{25F27DF5-78F3-462B-84E1-B0AF427ABC94}">
      <dgm:prSet/>
      <dgm:spPr/>
      <dgm:t>
        <a:bodyPr/>
        <a:lstStyle/>
        <a:p>
          <a:r>
            <a:rPr lang="en-US"/>
            <a:t>Advance equity in resilience investments</a:t>
          </a:r>
        </a:p>
      </dgm:t>
    </dgm:pt>
    <dgm:pt modelId="{49CDA28A-EC21-4789-BF49-5F8424AE1974}" type="parTrans" cxnId="{4B5403BB-7442-4B77-BF58-56F70B8CEC39}">
      <dgm:prSet/>
      <dgm:spPr/>
      <dgm:t>
        <a:bodyPr/>
        <a:lstStyle/>
        <a:p>
          <a:endParaRPr lang="en-US"/>
        </a:p>
      </dgm:t>
    </dgm:pt>
    <dgm:pt modelId="{D70B6D9F-9068-4FCE-A3A7-02A8E9EB712E}" type="sibTrans" cxnId="{4B5403BB-7442-4B77-BF58-56F70B8CEC39}">
      <dgm:prSet/>
      <dgm:spPr/>
      <dgm:t>
        <a:bodyPr/>
        <a:lstStyle/>
        <a:p>
          <a:endParaRPr lang="en-US"/>
        </a:p>
      </dgm:t>
    </dgm:pt>
    <dgm:pt modelId="{2E3209AC-0298-4AB7-AEC7-3D86CBAD5374}">
      <dgm:prSet/>
      <dgm:spPr/>
      <dgm:t>
        <a:bodyPr/>
        <a:lstStyle/>
        <a:p>
          <a:r>
            <a:rPr lang="en-US"/>
            <a:t>Strengthen municipal systems long‑term</a:t>
          </a:r>
        </a:p>
      </dgm:t>
    </dgm:pt>
    <dgm:pt modelId="{AE273FC6-940A-4610-AF2E-FE888E3E186B}" type="parTrans" cxnId="{3CD1683F-A4D7-4A51-BD21-1C0812E24C1A}">
      <dgm:prSet/>
      <dgm:spPr/>
      <dgm:t>
        <a:bodyPr/>
        <a:lstStyle/>
        <a:p>
          <a:endParaRPr lang="en-US"/>
        </a:p>
      </dgm:t>
    </dgm:pt>
    <dgm:pt modelId="{D8ADCFAE-11E9-47BD-87D6-24C9ECDCB184}" type="sibTrans" cxnId="{3CD1683F-A4D7-4A51-BD21-1C0812E24C1A}">
      <dgm:prSet/>
      <dgm:spPr/>
      <dgm:t>
        <a:bodyPr/>
        <a:lstStyle/>
        <a:p>
          <a:endParaRPr lang="en-US"/>
        </a:p>
      </dgm:t>
    </dgm:pt>
    <dgm:pt modelId="{3D6C1C77-E108-4F0F-9EA9-99CD4F26DB59}">
      <dgm:prSet/>
      <dgm:spPr/>
      <dgm:t>
        <a:bodyPr/>
        <a:lstStyle/>
        <a:p>
          <a:r>
            <a:rPr lang="en-US" dirty="0"/>
            <a:t>**Education</a:t>
          </a:r>
        </a:p>
      </dgm:t>
    </dgm:pt>
    <dgm:pt modelId="{07C6F5B1-B27F-4792-93C1-529396D6660D}" type="parTrans" cxnId="{E75113AB-1F9D-463A-AB44-F76B9280F5D9}">
      <dgm:prSet/>
      <dgm:spPr/>
      <dgm:t>
        <a:bodyPr/>
        <a:lstStyle/>
        <a:p>
          <a:endParaRPr lang="en-US"/>
        </a:p>
      </dgm:t>
    </dgm:pt>
    <dgm:pt modelId="{F6E14C51-2B56-4A92-961A-FF240214CDC7}" type="sibTrans" cxnId="{E75113AB-1F9D-463A-AB44-F76B9280F5D9}">
      <dgm:prSet/>
      <dgm:spPr/>
      <dgm:t>
        <a:bodyPr/>
        <a:lstStyle/>
        <a:p>
          <a:endParaRPr lang="en-US"/>
        </a:p>
      </dgm:t>
    </dgm:pt>
    <dgm:pt modelId="{0BD083EA-F78D-4153-A598-E1B3E99DCD3F}" type="pres">
      <dgm:prSet presAssocID="{91A20E7E-48C3-4937-8FD4-4BF5EC2006FE}" presName="root" presStyleCnt="0">
        <dgm:presLayoutVars>
          <dgm:dir/>
          <dgm:resizeHandles val="exact"/>
        </dgm:presLayoutVars>
      </dgm:prSet>
      <dgm:spPr/>
    </dgm:pt>
    <dgm:pt modelId="{60F4C974-2E7D-42F4-A3EB-43CDB026D7B1}" type="pres">
      <dgm:prSet presAssocID="{9988071B-6E9B-4B24-AB04-665C45C8DAB6}" presName="compNode" presStyleCnt="0"/>
      <dgm:spPr/>
    </dgm:pt>
    <dgm:pt modelId="{61A8DE02-BE3C-4D88-A5F9-2A2D8D276164}" type="pres">
      <dgm:prSet presAssocID="{9988071B-6E9B-4B24-AB04-665C45C8DAB6}" presName="bgRect" presStyleLbl="bgShp" presStyleIdx="0" presStyleCnt="6"/>
      <dgm:spPr/>
    </dgm:pt>
    <dgm:pt modelId="{B07C0381-36DA-4D1A-8047-647AD0D71253}" type="pres">
      <dgm:prSet presAssocID="{9988071B-6E9B-4B24-AB04-665C45C8DAB6}"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ity"/>
        </a:ext>
      </dgm:extLst>
    </dgm:pt>
    <dgm:pt modelId="{DFCA3CF2-E098-49BA-A8F1-376151527576}" type="pres">
      <dgm:prSet presAssocID="{9988071B-6E9B-4B24-AB04-665C45C8DAB6}" presName="spaceRect" presStyleCnt="0"/>
      <dgm:spPr/>
    </dgm:pt>
    <dgm:pt modelId="{45AE2862-B003-41BD-93F9-59E8C40084CE}" type="pres">
      <dgm:prSet presAssocID="{9988071B-6E9B-4B24-AB04-665C45C8DAB6}" presName="parTx" presStyleLbl="revTx" presStyleIdx="0" presStyleCnt="6">
        <dgm:presLayoutVars>
          <dgm:chMax val="0"/>
          <dgm:chPref val="0"/>
        </dgm:presLayoutVars>
      </dgm:prSet>
      <dgm:spPr/>
    </dgm:pt>
    <dgm:pt modelId="{1D6ADC1A-57E9-44B9-A025-6D5FAB28FE58}" type="pres">
      <dgm:prSet presAssocID="{C525DF3C-7C4A-4CC5-ADF5-4ABD78EC18B4}" presName="sibTrans" presStyleCnt="0"/>
      <dgm:spPr/>
    </dgm:pt>
    <dgm:pt modelId="{B4323831-EA93-4A02-B5F8-48E96A16E9D9}" type="pres">
      <dgm:prSet presAssocID="{A791DD9A-0C8F-45F8-9134-58211B8A1744}" presName="compNode" presStyleCnt="0"/>
      <dgm:spPr/>
    </dgm:pt>
    <dgm:pt modelId="{83642E39-2133-4C05-9074-F5041A23CACE}" type="pres">
      <dgm:prSet presAssocID="{A791DD9A-0C8F-45F8-9134-58211B8A1744}" presName="bgRect" presStyleLbl="bgShp" presStyleIdx="1" presStyleCnt="6"/>
      <dgm:spPr/>
    </dgm:pt>
    <dgm:pt modelId="{C7C9942F-DCE7-4F5A-A485-599F9F5F7717}" type="pres">
      <dgm:prSet presAssocID="{A791DD9A-0C8F-45F8-9134-58211B8A1744}"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Thermometer"/>
        </a:ext>
      </dgm:extLst>
    </dgm:pt>
    <dgm:pt modelId="{D9229241-5987-4372-8D7C-8DE5E28CFE17}" type="pres">
      <dgm:prSet presAssocID="{A791DD9A-0C8F-45F8-9134-58211B8A1744}" presName="spaceRect" presStyleCnt="0"/>
      <dgm:spPr/>
    </dgm:pt>
    <dgm:pt modelId="{67024DB7-27BE-4FE0-A3FC-EA9B2F05F71B}" type="pres">
      <dgm:prSet presAssocID="{A791DD9A-0C8F-45F8-9134-58211B8A1744}" presName="parTx" presStyleLbl="revTx" presStyleIdx="1" presStyleCnt="6">
        <dgm:presLayoutVars>
          <dgm:chMax val="0"/>
          <dgm:chPref val="0"/>
        </dgm:presLayoutVars>
      </dgm:prSet>
      <dgm:spPr/>
    </dgm:pt>
    <dgm:pt modelId="{10EF9B35-4031-4E45-B7DB-767540C42A9A}" type="pres">
      <dgm:prSet presAssocID="{33F1DF92-DC2D-4541-AB60-08DBCCE90256}" presName="sibTrans" presStyleCnt="0"/>
      <dgm:spPr/>
    </dgm:pt>
    <dgm:pt modelId="{1FFAE0DD-30E8-468E-A75C-FD7ED5AB77F4}" type="pres">
      <dgm:prSet presAssocID="{7C23C883-605B-4DBB-8A65-0D5FEC220A23}" presName="compNode" presStyleCnt="0"/>
      <dgm:spPr/>
    </dgm:pt>
    <dgm:pt modelId="{E1C6806F-DE5C-449B-A473-BB07E9636654}" type="pres">
      <dgm:prSet presAssocID="{7C23C883-605B-4DBB-8A65-0D5FEC220A23}" presName="bgRect" presStyleLbl="bgShp" presStyleIdx="2" presStyleCnt="6"/>
      <dgm:spPr/>
    </dgm:pt>
    <dgm:pt modelId="{18A6F68D-D153-46D4-B96A-B35F5275226B}" type="pres">
      <dgm:prSet presAssocID="{7C23C883-605B-4DBB-8A65-0D5FEC220A23}"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Lock"/>
        </a:ext>
      </dgm:extLst>
    </dgm:pt>
    <dgm:pt modelId="{AFA23A1E-814B-47B0-850F-8078AF4B4F24}" type="pres">
      <dgm:prSet presAssocID="{7C23C883-605B-4DBB-8A65-0D5FEC220A23}" presName="spaceRect" presStyleCnt="0"/>
      <dgm:spPr/>
    </dgm:pt>
    <dgm:pt modelId="{AC10440C-0CBA-4ABE-81B0-7B650F4505AC}" type="pres">
      <dgm:prSet presAssocID="{7C23C883-605B-4DBB-8A65-0D5FEC220A23}" presName="parTx" presStyleLbl="revTx" presStyleIdx="2" presStyleCnt="6">
        <dgm:presLayoutVars>
          <dgm:chMax val="0"/>
          <dgm:chPref val="0"/>
        </dgm:presLayoutVars>
      </dgm:prSet>
      <dgm:spPr/>
    </dgm:pt>
    <dgm:pt modelId="{5473CCDC-49A4-4CEF-8CEE-9148218F5ED8}" type="pres">
      <dgm:prSet presAssocID="{52840712-3428-4DD1-9DA4-973EC4144502}" presName="sibTrans" presStyleCnt="0"/>
      <dgm:spPr/>
    </dgm:pt>
    <dgm:pt modelId="{FE88CA8B-444E-4DFD-B05A-D8280CB80C40}" type="pres">
      <dgm:prSet presAssocID="{25F27DF5-78F3-462B-84E1-B0AF427ABC94}" presName="compNode" presStyleCnt="0"/>
      <dgm:spPr/>
    </dgm:pt>
    <dgm:pt modelId="{B4F70C6A-10F2-47F8-BE46-71067701386A}" type="pres">
      <dgm:prSet presAssocID="{25F27DF5-78F3-462B-84E1-B0AF427ABC94}" presName="bgRect" presStyleLbl="bgShp" presStyleIdx="3" presStyleCnt="6"/>
      <dgm:spPr/>
    </dgm:pt>
    <dgm:pt modelId="{CF9B382B-A4D0-4FEB-86E1-AC98153A67E5}" type="pres">
      <dgm:prSet presAssocID="{25F27DF5-78F3-462B-84E1-B0AF427ABC94}"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Upward trend"/>
        </a:ext>
      </dgm:extLst>
    </dgm:pt>
    <dgm:pt modelId="{AD47107F-ACC1-4445-B2D6-AF28CA70FC9E}" type="pres">
      <dgm:prSet presAssocID="{25F27DF5-78F3-462B-84E1-B0AF427ABC94}" presName="spaceRect" presStyleCnt="0"/>
      <dgm:spPr/>
    </dgm:pt>
    <dgm:pt modelId="{240E2E1B-7814-4AD1-917C-3D4BDBE44940}" type="pres">
      <dgm:prSet presAssocID="{25F27DF5-78F3-462B-84E1-B0AF427ABC94}" presName="parTx" presStyleLbl="revTx" presStyleIdx="3" presStyleCnt="6">
        <dgm:presLayoutVars>
          <dgm:chMax val="0"/>
          <dgm:chPref val="0"/>
        </dgm:presLayoutVars>
      </dgm:prSet>
      <dgm:spPr/>
    </dgm:pt>
    <dgm:pt modelId="{56C967D7-F45B-4DD7-996D-370608FF5FF1}" type="pres">
      <dgm:prSet presAssocID="{D70B6D9F-9068-4FCE-A3A7-02A8E9EB712E}" presName="sibTrans" presStyleCnt="0"/>
      <dgm:spPr/>
    </dgm:pt>
    <dgm:pt modelId="{DDDD3F20-664B-4EF9-A4F1-C0A5752FF520}" type="pres">
      <dgm:prSet presAssocID="{2E3209AC-0298-4AB7-AEC7-3D86CBAD5374}" presName="compNode" presStyleCnt="0"/>
      <dgm:spPr/>
    </dgm:pt>
    <dgm:pt modelId="{45D330D6-B404-47AF-B1D3-B8455D7BCC06}" type="pres">
      <dgm:prSet presAssocID="{2E3209AC-0298-4AB7-AEC7-3D86CBAD5374}" presName="bgRect" presStyleLbl="bgShp" presStyleIdx="4" presStyleCnt="6"/>
      <dgm:spPr/>
    </dgm:pt>
    <dgm:pt modelId="{0B29D8AD-4383-4011-BDEB-3584C8D3E14C}" type="pres">
      <dgm:prSet presAssocID="{2E3209AC-0298-4AB7-AEC7-3D86CBAD5374}"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Handshake"/>
        </a:ext>
      </dgm:extLst>
    </dgm:pt>
    <dgm:pt modelId="{1E066FFF-CF4C-4D9D-B4BE-2617309C3DFA}" type="pres">
      <dgm:prSet presAssocID="{2E3209AC-0298-4AB7-AEC7-3D86CBAD5374}" presName="spaceRect" presStyleCnt="0"/>
      <dgm:spPr/>
    </dgm:pt>
    <dgm:pt modelId="{1C2DFE2A-A8D0-4BB1-BC9B-BE2907654F93}" type="pres">
      <dgm:prSet presAssocID="{2E3209AC-0298-4AB7-AEC7-3D86CBAD5374}" presName="parTx" presStyleLbl="revTx" presStyleIdx="4" presStyleCnt="6">
        <dgm:presLayoutVars>
          <dgm:chMax val="0"/>
          <dgm:chPref val="0"/>
        </dgm:presLayoutVars>
      </dgm:prSet>
      <dgm:spPr/>
    </dgm:pt>
    <dgm:pt modelId="{632F39B6-078E-484E-82D8-9CA6DB4E86E0}" type="pres">
      <dgm:prSet presAssocID="{D8ADCFAE-11E9-47BD-87D6-24C9ECDCB184}" presName="sibTrans" presStyleCnt="0"/>
      <dgm:spPr/>
    </dgm:pt>
    <dgm:pt modelId="{775F5159-34B2-426E-BC68-457498519EEE}" type="pres">
      <dgm:prSet presAssocID="{3D6C1C77-E108-4F0F-9EA9-99CD4F26DB59}" presName="compNode" presStyleCnt="0"/>
      <dgm:spPr/>
    </dgm:pt>
    <dgm:pt modelId="{A33A7EF2-44DA-49C1-A10E-6AA5DE06F2E9}" type="pres">
      <dgm:prSet presAssocID="{3D6C1C77-E108-4F0F-9EA9-99CD4F26DB59}" presName="bgRect" presStyleLbl="bgShp" presStyleIdx="5" presStyleCnt="6"/>
      <dgm:spPr/>
    </dgm:pt>
    <dgm:pt modelId="{A1D4CE24-CFE9-43E1-A372-951244FFA188}" type="pres">
      <dgm:prSet presAssocID="{3D6C1C77-E108-4F0F-9EA9-99CD4F26DB59}"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Classroom"/>
        </a:ext>
      </dgm:extLst>
    </dgm:pt>
    <dgm:pt modelId="{68836855-10D2-4B9A-8014-AE5C1E41F868}" type="pres">
      <dgm:prSet presAssocID="{3D6C1C77-E108-4F0F-9EA9-99CD4F26DB59}" presName="spaceRect" presStyleCnt="0"/>
      <dgm:spPr/>
    </dgm:pt>
    <dgm:pt modelId="{EA723F1C-4B4A-4ADD-948E-66D6AE53838C}" type="pres">
      <dgm:prSet presAssocID="{3D6C1C77-E108-4F0F-9EA9-99CD4F26DB59}" presName="parTx" presStyleLbl="revTx" presStyleIdx="5" presStyleCnt="6">
        <dgm:presLayoutVars>
          <dgm:chMax val="0"/>
          <dgm:chPref val="0"/>
        </dgm:presLayoutVars>
      </dgm:prSet>
      <dgm:spPr/>
    </dgm:pt>
  </dgm:ptLst>
  <dgm:cxnLst>
    <dgm:cxn modelId="{FA52120B-7CE5-4DAA-A8A0-CC19C39A7A5E}" srcId="{91A20E7E-48C3-4937-8FD4-4BF5EC2006FE}" destId="{7C23C883-605B-4DBB-8A65-0D5FEC220A23}" srcOrd="2" destOrd="0" parTransId="{0DC57B86-E8D5-4E4C-ABAA-DC2267A5D1D2}" sibTransId="{52840712-3428-4DD1-9DA4-973EC4144502}"/>
    <dgm:cxn modelId="{6B83220D-02EB-4F72-A678-5B6A2B8C626C}" type="presOf" srcId="{A791DD9A-0C8F-45F8-9134-58211B8A1744}" destId="{67024DB7-27BE-4FE0-A3FC-EA9B2F05F71B}" srcOrd="0" destOrd="0" presId="urn:microsoft.com/office/officeart/2018/2/layout/IconVerticalSolidList"/>
    <dgm:cxn modelId="{3CD1683F-A4D7-4A51-BD21-1C0812E24C1A}" srcId="{91A20E7E-48C3-4937-8FD4-4BF5EC2006FE}" destId="{2E3209AC-0298-4AB7-AEC7-3D86CBAD5374}" srcOrd="4" destOrd="0" parTransId="{AE273FC6-940A-4610-AF2E-FE888E3E186B}" sibTransId="{D8ADCFAE-11E9-47BD-87D6-24C9ECDCB184}"/>
    <dgm:cxn modelId="{A58DC667-84E6-443B-B82D-988CC742DCE8}" type="presOf" srcId="{25F27DF5-78F3-462B-84E1-B0AF427ABC94}" destId="{240E2E1B-7814-4AD1-917C-3D4BDBE44940}" srcOrd="0" destOrd="0" presId="urn:microsoft.com/office/officeart/2018/2/layout/IconVerticalSolidList"/>
    <dgm:cxn modelId="{DD227A6E-2911-45F6-92FA-5A04C04BC995}" type="presOf" srcId="{7C23C883-605B-4DBB-8A65-0D5FEC220A23}" destId="{AC10440C-0CBA-4ABE-81B0-7B650F4505AC}" srcOrd="0" destOrd="0" presId="urn:microsoft.com/office/officeart/2018/2/layout/IconVerticalSolidList"/>
    <dgm:cxn modelId="{4515B478-2B24-4E2A-AF57-29336635F4AD}" type="presOf" srcId="{9988071B-6E9B-4B24-AB04-665C45C8DAB6}" destId="{45AE2862-B003-41BD-93F9-59E8C40084CE}" srcOrd="0" destOrd="0" presId="urn:microsoft.com/office/officeart/2018/2/layout/IconVerticalSolidList"/>
    <dgm:cxn modelId="{E680F77D-B9B6-4FDA-8C3C-0B20C62D66CC}" type="presOf" srcId="{2E3209AC-0298-4AB7-AEC7-3D86CBAD5374}" destId="{1C2DFE2A-A8D0-4BB1-BC9B-BE2907654F93}" srcOrd="0" destOrd="0" presId="urn:microsoft.com/office/officeart/2018/2/layout/IconVerticalSolidList"/>
    <dgm:cxn modelId="{E75113AB-1F9D-463A-AB44-F76B9280F5D9}" srcId="{91A20E7E-48C3-4937-8FD4-4BF5EC2006FE}" destId="{3D6C1C77-E108-4F0F-9EA9-99CD4F26DB59}" srcOrd="5" destOrd="0" parTransId="{07C6F5B1-B27F-4792-93C1-529396D6660D}" sibTransId="{F6E14C51-2B56-4A92-961A-FF240214CDC7}"/>
    <dgm:cxn modelId="{D1DF01AC-8E88-4210-A49C-F07877BA2DB6}" srcId="{91A20E7E-48C3-4937-8FD4-4BF5EC2006FE}" destId="{A791DD9A-0C8F-45F8-9134-58211B8A1744}" srcOrd="1" destOrd="0" parTransId="{DE9E8D3D-30B6-4AE6-94F6-8D5EA3AD6844}" sibTransId="{33F1DF92-DC2D-4541-AB60-08DBCCE90256}"/>
    <dgm:cxn modelId="{4B5403BB-7442-4B77-BF58-56F70B8CEC39}" srcId="{91A20E7E-48C3-4937-8FD4-4BF5EC2006FE}" destId="{25F27DF5-78F3-462B-84E1-B0AF427ABC94}" srcOrd="3" destOrd="0" parTransId="{49CDA28A-EC21-4789-BF49-5F8424AE1974}" sibTransId="{D70B6D9F-9068-4FCE-A3A7-02A8E9EB712E}"/>
    <dgm:cxn modelId="{58B52EC1-B6EA-4704-93D0-D7666A2FC440}" type="presOf" srcId="{91A20E7E-48C3-4937-8FD4-4BF5EC2006FE}" destId="{0BD083EA-F78D-4153-A598-E1B3E99DCD3F}" srcOrd="0" destOrd="0" presId="urn:microsoft.com/office/officeart/2018/2/layout/IconVerticalSolidList"/>
    <dgm:cxn modelId="{174B29C6-3D0E-42A8-953B-AF0BED2AFF7C}" srcId="{91A20E7E-48C3-4937-8FD4-4BF5EC2006FE}" destId="{9988071B-6E9B-4B24-AB04-665C45C8DAB6}" srcOrd="0" destOrd="0" parTransId="{7ECE4B8A-9E12-479B-8CD4-C5EC5E9B4130}" sibTransId="{C525DF3C-7C4A-4CC5-ADF5-4ABD78EC18B4}"/>
    <dgm:cxn modelId="{9E4B06FE-F553-472A-A759-6F2514E36D0B}" type="presOf" srcId="{3D6C1C77-E108-4F0F-9EA9-99CD4F26DB59}" destId="{EA723F1C-4B4A-4ADD-948E-66D6AE53838C}" srcOrd="0" destOrd="0" presId="urn:microsoft.com/office/officeart/2018/2/layout/IconVerticalSolidList"/>
    <dgm:cxn modelId="{BB68D307-E2E4-4016-B287-C68E74FF2D3A}" type="presParOf" srcId="{0BD083EA-F78D-4153-A598-E1B3E99DCD3F}" destId="{60F4C974-2E7D-42F4-A3EB-43CDB026D7B1}" srcOrd="0" destOrd="0" presId="urn:microsoft.com/office/officeart/2018/2/layout/IconVerticalSolidList"/>
    <dgm:cxn modelId="{FA7B2842-6E99-46E8-89F9-AC1296B4A764}" type="presParOf" srcId="{60F4C974-2E7D-42F4-A3EB-43CDB026D7B1}" destId="{61A8DE02-BE3C-4D88-A5F9-2A2D8D276164}" srcOrd="0" destOrd="0" presId="urn:microsoft.com/office/officeart/2018/2/layout/IconVerticalSolidList"/>
    <dgm:cxn modelId="{CFE5E61F-FDE0-4572-82AC-87D455436A49}" type="presParOf" srcId="{60F4C974-2E7D-42F4-A3EB-43CDB026D7B1}" destId="{B07C0381-36DA-4D1A-8047-647AD0D71253}" srcOrd="1" destOrd="0" presId="urn:microsoft.com/office/officeart/2018/2/layout/IconVerticalSolidList"/>
    <dgm:cxn modelId="{D6A184FF-E728-4857-98AA-88B63C1B739B}" type="presParOf" srcId="{60F4C974-2E7D-42F4-A3EB-43CDB026D7B1}" destId="{DFCA3CF2-E098-49BA-A8F1-376151527576}" srcOrd="2" destOrd="0" presId="urn:microsoft.com/office/officeart/2018/2/layout/IconVerticalSolidList"/>
    <dgm:cxn modelId="{232FEF24-61D3-4F36-B64E-FB1C07FDB367}" type="presParOf" srcId="{60F4C974-2E7D-42F4-A3EB-43CDB026D7B1}" destId="{45AE2862-B003-41BD-93F9-59E8C40084CE}" srcOrd="3" destOrd="0" presId="urn:microsoft.com/office/officeart/2018/2/layout/IconVerticalSolidList"/>
    <dgm:cxn modelId="{24B5D3AC-3C4D-4F61-85B0-6F808B359FBB}" type="presParOf" srcId="{0BD083EA-F78D-4153-A598-E1B3E99DCD3F}" destId="{1D6ADC1A-57E9-44B9-A025-6D5FAB28FE58}" srcOrd="1" destOrd="0" presId="urn:microsoft.com/office/officeart/2018/2/layout/IconVerticalSolidList"/>
    <dgm:cxn modelId="{BDCD6A8B-6E1A-4535-9350-F4E0A255F2CB}" type="presParOf" srcId="{0BD083EA-F78D-4153-A598-E1B3E99DCD3F}" destId="{B4323831-EA93-4A02-B5F8-48E96A16E9D9}" srcOrd="2" destOrd="0" presId="urn:microsoft.com/office/officeart/2018/2/layout/IconVerticalSolidList"/>
    <dgm:cxn modelId="{A02DA4DE-F07B-43B5-8F55-7CA6F0617A29}" type="presParOf" srcId="{B4323831-EA93-4A02-B5F8-48E96A16E9D9}" destId="{83642E39-2133-4C05-9074-F5041A23CACE}" srcOrd="0" destOrd="0" presId="urn:microsoft.com/office/officeart/2018/2/layout/IconVerticalSolidList"/>
    <dgm:cxn modelId="{29409DDA-0997-4F81-BAC8-23B51D1E10AD}" type="presParOf" srcId="{B4323831-EA93-4A02-B5F8-48E96A16E9D9}" destId="{C7C9942F-DCE7-4F5A-A485-599F9F5F7717}" srcOrd="1" destOrd="0" presId="urn:microsoft.com/office/officeart/2018/2/layout/IconVerticalSolidList"/>
    <dgm:cxn modelId="{C63FA72A-0196-4A11-83A4-6A9E0271C48B}" type="presParOf" srcId="{B4323831-EA93-4A02-B5F8-48E96A16E9D9}" destId="{D9229241-5987-4372-8D7C-8DE5E28CFE17}" srcOrd="2" destOrd="0" presId="urn:microsoft.com/office/officeart/2018/2/layout/IconVerticalSolidList"/>
    <dgm:cxn modelId="{9B4A8A26-976D-4EDD-B8CA-F1B74AC87F71}" type="presParOf" srcId="{B4323831-EA93-4A02-B5F8-48E96A16E9D9}" destId="{67024DB7-27BE-4FE0-A3FC-EA9B2F05F71B}" srcOrd="3" destOrd="0" presId="urn:microsoft.com/office/officeart/2018/2/layout/IconVerticalSolidList"/>
    <dgm:cxn modelId="{5A157F9C-7C5B-4489-B9F5-7B963A3D5E3D}" type="presParOf" srcId="{0BD083EA-F78D-4153-A598-E1B3E99DCD3F}" destId="{10EF9B35-4031-4E45-B7DB-767540C42A9A}" srcOrd="3" destOrd="0" presId="urn:microsoft.com/office/officeart/2018/2/layout/IconVerticalSolidList"/>
    <dgm:cxn modelId="{66FB4ED0-52DE-4455-9FA0-5302EB483E46}" type="presParOf" srcId="{0BD083EA-F78D-4153-A598-E1B3E99DCD3F}" destId="{1FFAE0DD-30E8-468E-A75C-FD7ED5AB77F4}" srcOrd="4" destOrd="0" presId="urn:microsoft.com/office/officeart/2018/2/layout/IconVerticalSolidList"/>
    <dgm:cxn modelId="{DC1A8A44-318B-4CC5-A7DC-93EC189BCED2}" type="presParOf" srcId="{1FFAE0DD-30E8-468E-A75C-FD7ED5AB77F4}" destId="{E1C6806F-DE5C-449B-A473-BB07E9636654}" srcOrd="0" destOrd="0" presId="urn:microsoft.com/office/officeart/2018/2/layout/IconVerticalSolidList"/>
    <dgm:cxn modelId="{83155FB0-EB1F-4E73-9275-92CE647EC8C3}" type="presParOf" srcId="{1FFAE0DD-30E8-468E-A75C-FD7ED5AB77F4}" destId="{18A6F68D-D153-46D4-B96A-B35F5275226B}" srcOrd="1" destOrd="0" presId="urn:microsoft.com/office/officeart/2018/2/layout/IconVerticalSolidList"/>
    <dgm:cxn modelId="{F2E916EC-C9A3-4D93-AD26-1607199FB0DD}" type="presParOf" srcId="{1FFAE0DD-30E8-468E-A75C-FD7ED5AB77F4}" destId="{AFA23A1E-814B-47B0-850F-8078AF4B4F24}" srcOrd="2" destOrd="0" presId="urn:microsoft.com/office/officeart/2018/2/layout/IconVerticalSolidList"/>
    <dgm:cxn modelId="{9EB9C10A-A1AF-4236-AC0B-E60AF6B428BD}" type="presParOf" srcId="{1FFAE0DD-30E8-468E-A75C-FD7ED5AB77F4}" destId="{AC10440C-0CBA-4ABE-81B0-7B650F4505AC}" srcOrd="3" destOrd="0" presId="urn:microsoft.com/office/officeart/2018/2/layout/IconVerticalSolidList"/>
    <dgm:cxn modelId="{AE371980-67DB-4471-B01A-CB08AC42D932}" type="presParOf" srcId="{0BD083EA-F78D-4153-A598-E1B3E99DCD3F}" destId="{5473CCDC-49A4-4CEF-8CEE-9148218F5ED8}" srcOrd="5" destOrd="0" presId="urn:microsoft.com/office/officeart/2018/2/layout/IconVerticalSolidList"/>
    <dgm:cxn modelId="{CE5BB137-E7B0-4CD5-81E2-B4367566196C}" type="presParOf" srcId="{0BD083EA-F78D-4153-A598-E1B3E99DCD3F}" destId="{FE88CA8B-444E-4DFD-B05A-D8280CB80C40}" srcOrd="6" destOrd="0" presId="urn:microsoft.com/office/officeart/2018/2/layout/IconVerticalSolidList"/>
    <dgm:cxn modelId="{95D2AC3A-3D94-4852-9598-0FB87FEFD8A2}" type="presParOf" srcId="{FE88CA8B-444E-4DFD-B05A-D8280CB80C40}" destId="{B4F70C6A-10F2-47F8-BE46-71067701386A}" srcOrd="0" destOrd="0" presId="urn:microsoft.com/office/officeart/2018/2/layout/IconVerticalSolidList"/>
    <dgm:cxn modelId="{E98BC569-2201-445A-B56A-6D7A91C7FD3C}" type="presParOf" srcId="{FE88CA8B-444E-4DFD-B05A-D8280CB80C40}" destId="{CF9B382B-A4D0-4FEB-86E1-AC98153A67E5}" srcOrd="1" destOrd="0" presId="urn:microsoft.com/office/officeart/2018/2/layout/IconVerticalSolidList"/>
    <dgm:cxn modelId="{072B78A7-5138-46B0-B93F-D539E20EA74F}" type="presParOf" srcId="{FE88CA8B-444E-4DFD-B05A-D8280CB80C40}" destId="{AD47107F-ACC1-4445-B2D6-AF28CA70FC9E}" srcOrd="2" destOrd="0" presId="urn:microsoft.com/office/officeart/2018/2/layout/IconVerticalSolidList"/>
    <dgm:cxn modelId="{A1911C85-A08E-4F02-A667-9A62F9AE84EB}" type="presParOf" srcId="{FE88CA8B-444E-4DFD-B05A-D8280CB80C40}" destId="{240E2E1B-7814-4AD1-917C-3D4BDBE44940}" srcOrd="3" destOrd="0" presId="urn:microsoft.com/office/officeart/2018/2/layout/IconVerticalSolidList"/>
    <dgm:cxn modelId="{CDB9F600-9826-46C2-A079-6A78FFB489FF}" type="presParOf" srcId="{0BD083EA-F78D-4153-A598-E1B3E99DCD3F}" destId="{56C967D7-F45B-4DD7-996D-370608FF5FF1}" srcOrd="7" destOrd="0" presId="urn:microsoft.com/office/officeart/2018/2/layout/IconVerticalSolidList"/>
    <dgm:cxn modelId="{71F062E6-0FFD-4BEB-8794-AF696204840B}" type="presParOf" srcId="{0BD083EA-F78D-4153-A598-E1B3E99DCD3F}" destId="{DDDD3F20-664B-4EF9-A4F1-C0A5752FF520}" srcOrd="8" destOrd="0" presId="urn:microsoft.com/office/officeart/2018/2/layout/IconVerticalSolidList"/>
    <dgm:cxn modelId="{B1FC0B9D-D490-4C4F-8118-DD944F80465D}" type="presParOf" srcId="{DDDD3F20-664B-4EF9-A4F1-C0A5752FF520}" destId="{45D330D6-B404-47AF-B1D3-B8455D7BCC06}" srcOrd="0" destOrd="0" presId="urn:microsoft.com/office/officeart/2018/2/layout/IconVerticalSolidList"/>
    <dgm:cxn modelId="{DD0940DF-2F36-4342-A5CA-E4C03AF4FA26}" type="presParOf" srcId="{DDDD3F20-664B-4EF9-A4F1-C0A5752FF520}" destId="{0B29D8AD-4383-4011-BDEB-3584C8D3E14C}" srcOrd="1" destOrd="0" presId="urn:microsoft.com/office/officeart/2018/2/layout/IconVerticalSolidList"/>
    <dgm:cxn modelId="{0BA0CF1C-E57D-4B1B-ACF7-BF4555C3F675}" type="presParOf" srcId="{DDDD3F20-664B-4EF9-A4F1-C0A5752FF520}" destId="{1E066FFF-CF4C-4D9D-B4BE-2617309C3DFA}" srcOrd="2" destOrd="0" presId="urn:microsoft.com/office/officeart/2018/2/layout/IconVerticalSolidList"/>
    <dgm:cxn modelId="{B1F3FD9E-4D06-40A7-875C-4D47FC94837E}" type="presParOf" srcId="{DDDD3F20-664B-4EF9-A4F1-C0A5752FF520}" destId="{1C2DFE2A-A8D0-4BB1-BC9B-BE2907654F93}" srcOrd="3" destOrd="0" presId="urn:microsoft.com/office/officeart/2018/2/layout/IconVerticalSolidList"/>
    <dgm:cxn modelId="{B9A6CDE5-7764-4D2E-8765-A8B3EA89A533}" type="presParOf" srcId="{0BD083EA-F78D-4153-A598-E1B3E99DCD3F}" destId="{632F39B6-078E-484E-82D8-9CA6DB4E86E0}" srcOrd="9" destOrd="0" presId="urn:microsoft.com/office/officeart/2018/2/layout/IconVerticalSolidList"/>
    <dgm:cxn modelId="{324CEDD1-AFB6-4170-9374-8E4AB91AC877}" type="presParOf" srcId="{0BD083EA-F78D-4153-A598-E1B3E99DCD3F}" destId="{775F5159-34B2-426E-BC68-457498519EEE}" srcOrd="10" destOrd="0" presId="urn:microsoft.com/office/officeart/2018/2/layout/IconVerticalSolidList"/>
    <dgm:cxn modelId="{D339744F-C4EE-409F-8481-7539F3055A72}" type="presParOf" srcId="{775F5159-34B2-426E-BC68-457498519EEE}" destId="{A33A7EF2-44DA-49C1-A10E-6AA5DE06F2E9}" srcOrd="0" destOrd="0" presId="urn:microsoft.com/office/officeart/2018/2/layout/IconVerticalSolidList"/>
    <dgm:cxn modelId="{A3926F4D-557F-4C12-8278-E203346EE9E6}" type="presParOf" srcId="{775F5159-34B2-426E-BC68-457498519EEE}" destId="{A1D4CE24-CFE9-43E1-A372-951244FFA188}" srcOrd="1" destOrd="0" presId="urn:microsoft.com/office/officeart/2018/2/layout/IconVerticalSolidList"/>
    <dgm:cxn modelId="{B77871B5-A2DF-43BB-AD15-6081D1CA63EF}" type="presParOf" srcId="{775F5159-34B2-426E-BC68-457498519EEE}" destId="{68836855-10D2-4B9A-8014-AE5C1E41F868}" srcOrd="2" destOrd="0" presId="urn:microsoft.com/office/officeart/2018/2/layout/IconVerticalSolidList"/>
    <dgm:cxn modelId="{5FE24BAE-780C-4C43-963D-89FF0E1E2222}" type="presParOf" srcId="{775F5159-34B2-426E-BC68-457498519EEE}" destId="{EA723F1C-4B4A-4ADD-948E-66D6AE53838C}"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8E9C4A20-9C85-4F5C-A758-B708B55F3041}" type="doc">
      <dgm:prSet loTypeId="urn:microsoft.com/office/officeart/2018/5/layout/IconCircleLabelList" loCatId="icon" qsTypeId="urn:microsoft.com/office/officeart/2005/8/quickstyle/simple1" qsCatId="simple" csTypeId="urn:microsoft.com/office/officeart/2005/8/colors/accent3_2" csCatId="accent3" phldr="1"/>
      <dgm:spPr/>
      <dgm:t>
        <a:bodyPr/>
        <a:lstStyle/>
        <a:p>
          <a:endParaRPr lang="en-US"/>
        </a:p>
      </dgm:t>
    </dgm:pt>
    <dgm:pt modelId="{F997926B-534C-43E3-B431-09BA5F97F250}">
      <dgm:prSet/>
      <dgm:spPr/>
      <dgm:t>
        <a:bodyPr/>
        <a:lstStyle/>
        <a:p>
          <a:pPr>
            <a:defRPr cap="all"/>
          </a:pPr>
          <a:r>
            <a:rPr lang="en-US"/>
            <a:t>Ida created a shared point of reference for risk</a:t>
          </a:r>
        </a:p>
      </dgm:t>
    </dgm:pt>
    <dgm:pt modelId="{6B511618-FEE7-461E-A275-C9B064F3ACA9}" type="parTrans" cxnId="{D3579F8A-2134-4028-B746-489143BAEF1C}">
      <dgm:prSet/>
      <dgm:spPr/>
      <dgm:t>
        <a:bodyPr/>
        <a:lstStyle/>
        <a:p>
          <a:endParaRPr lang="en-US"/>
        </a:p>
      </dgm:t>
    </dgm:pt>
    <dgm:pt modelId="{02C3AC3C-93D3-40D3-91E6-7B4B3A872963}" type="sibTrans" cxnId="{D3579F8A-2134-4028-B746-489143BAEF1C}">
      <dgm:prSet/>
      <dgm:spPr/>
      <dgm:t>
        <a:bodyPr/>
        <a:lstStyle/>
        <a:p>
          <a:endParaRPr lang="en-US"/>
        </a:p>
      </dgm:t>
    </dgm:pt>
    <dgm:pt modelId="{2BE65C82-C513-4C4B-97F9-25997C6A0E9E}">
      <dgm:prSet/>
      <dgm:spPr/>
      <dgm:t>
        <a:bodyPr/>
        <a:lstStyle/>
        <a:p>
          <a:pPr>
            <a:defRPr cap="all"/>
          </a:pPr>
          <a:r>
            <a:rPr lang="en-US"/>
            <a:t>Data helped, but experience drove urgency</a:t>
          </a:r>
        </a:p>
      </dgm:t>
    </dgm:pt>
    <dgm:pt modelId="{1762191F-6A14-45BF-B0BD-1FFE321A7278}" type="parTrans" cxnId="{79BABD8D-AB70-4AC8-B875-D49A61FBCBAF}">
      <dgm:prSet/>
      <dgm:spPr/>
      <dgm:t>
        <a:bodyPr/>
        <a:lstStyle/>
        <a:p>
          <a:endParaRPr lang="en-US"/>
        </a:p>
      </dgm:t>
    </dgm:pt>
    <dgm:pt modelId="{856571B6-CC3E-4840-B289-8B7374441A99}" type="sibTrans" cxnId="{79BABD8D-AB70-4AC8-B875-D49A61FBCBAF}">
      <dgm:prSet/>
      <dgm:spPr/>
      <dgm:t>
        <a:bodyPr/>
        <a:lstStyle/>
        <a:p>
          <a:endParaRPr lang="en-US"/>
        </a:p>
      </dgm:t>
    </dgm:pt>
    <dgm:pt modelId="{9CC8B986-E7D5-4845-8D8F-FC262DBF3C68}">
      <dgm:prSet/>
      <dgm:spPr/>
      <dgm:t>
        <a:bodyPr/>
        <a:lstStyle/>
        <a:p>
          <a:pPr>
            <a:defRPr cap="all"/>
          </a:pPr>
          <a:r>
            <a:rPr lang="en-US"/>
            <a:t>Planning connected directly to implementation and funding</a:t>
          </a:r>
        </a:p>
      </dgm:t>
    </dgm:pt>
    <dgm:pt modelId="{C3112E52-2A3C-444F-8FD2-70F0B279A6C5}" type="parTrans" cxnId="{623564D5-783F-4A0B-B255-8CE46C71CB06}">
      <dgm:prSet/>
      <dgm:spPr/>
      <dgm:t>
        <a:bodyPr/>
        <a:lstStyle/>
        <a:p>
          <a:endParaRPr lang="en-US"/>
        </a:p>
      </dgm:t>
    </dgm:pt>
    <dgm:pt modelId="{196DEA73-7734-4839-BD0D-3AE1585A5904}" type="sibTrans" cxnId="{623564D5-783F-4A0B-B255-8CE46C71CB06}">
      <dgm:prSet/>
      <dgm:spPr/>
      <dgm:t>
        <a:bodyPr/>
        <a:lstStyle/>
        <a:p>
          <a:endParaRPr lang="en-US"/>
        </a:p>
      </dgm:t>
    </dgm:pt>
    <dgm:pt modelId="{9C072D16-0649-43F7-B96C-C574EE0B2B82}">
      <dgm:prSet/>
      <dgm:spPr/>
      <dgm:t>
        <a:bodyPr/>
        <a:lstStyle/>
        <a:p>
          <a:pPr>
            <a:defRPr cap="all"/>
          </a:pPr>
          <a:r>
            <a:rPr lang="en-US"/>
            <a:t>Importance of education and communication</a:t>
          </a:r>
        </a:p>
      </dgm:t>
    </dgm:pt>
    <dgm:pt modelId="{F8854DAC-1CA4-4D02-8AC1-AB5A13F42CDE}" type="parTrans" cxnId="{FFB78A2C-BC4A-4F61-983E-7459CD860ECD}">
      <dgm:prSet/>
      <dgm:spPr/>
      <dgm:t>
        <a:bodyPr/>
        <a:lstStyle/>
        <a:p>
          <a:endParaRPr lang="en-US"/>
        </a:p>
      </dgm:t>
    </dgm:pt>
    <dgm:pt modelId="{EF1D7FFF-465F-483D-A1C7-74D0F7303108}" type="sibTrans" cxnId="{FFB78A2C-BC4A-4F61-983E-7459CD860ECD}">
      <dgm:prSet/>
      <dgm:spPr/>
      <dgm:t>
        <a:bodyPr/>
        <a:lstStyle/>
        <a:p>
          <a:endParaRPr lang="en-US"/>
        </a:p>
      </dgm:t>
    </dgm:pt>
    <dgm:pt modelId="{DD10DEC6-123B-43F6-8A39-F23530BEB1BF}" type="pres">
      <dgm:prSet presAssocID="{8E9C4A20-9C85-4F5C-A758-B708B55F3041}" presName="root" presStyleCnt="0">
        <dgm:presLayoutVars>
          <dgm:dir/>
          <dgm:resizeHandles val="exact"/>
        </dgm:presLayoutVars>
      </dgm:prSet>
      <dgm:spPr/>
    </dgm:pt>
    <dgm:pt modelId="{DF8C7252-45FF-4132-9741-9337614A1DC8}" type="pres">
      <dgm:prSet presAssocID="{F997926B-534C-43E3-B431-09BA5F97F250}" presName="compNode" presStyleCnt="0"/>
      <dgm:spPr/>
    </dgm:pt>
    <dgm:pt modelId="{8C1FB875-E646-4972-8E67-624508D99364}" type="pres">
      <dgm:prSet presAssocID="{F997926B-534C-43E3-B431-09BA5F97F250}" presName="iconBgRect" presStyleLbl="bgShp" presStyleIdx="0" presStyleCnt="4"/>
      <dgm:spPr/>
    </dgm:pt>
    <dgm:pt modelId="{A823B2B3-A682-419F-87A0-722A2CDBE641}" type="pres">
      <dgm:prSet presAssocID="{F997926B-534C-43E3-B431-09BA5F97F250}"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heckmark"/>
        </a:ext>
      </dgm:extLst>
    </dgm:pt>
    <dgm:pt modelId="{26CB9228-B235-4DDE-82C2-FDC5442A5174}" type="pres">
      <dgm:prSet presAssocID="{F997926B-534C-43E3-B431-09BA5F97F250}" presName="spaceRect" presStyleCnt="0"/>
      <dgm:spPr/>
    </dgm:pt>
    <dgm:pt modelId="{C0174355-1ECD-4C9A-A618-4AF12F45FF66}" type="pres">
      <dgm:prSet presAssocID="{F997926B-534C-43E3-B431-09BA5F97F250}" presName="textRect" presStyleLbl="revTx" presStyleIdx="0" presStyleCnt="4">
        <dgm:presLayoutVars>
          <dgm:chMax val="1"/>
          <dgm:chPref val="1"/>
        </dgm:presLayoutVars>
      </dgm:prSet>
      <dgm:spPr/>
    </dgm:pt>
    <dgm:pt modelId="{E4DFE8E4-27A8-4226-B871-DE4CD3594470}" type="pres">
      <dgm:prSet presAssocID="{02C3AC3C-93D3-40D3-91E6-7B4B3A872963}" presName="sibTrans" presStyleCnt="0"/>
      <dgm:spPr/>
    </dgm:pt>
    <dgm:pt modelId="{B2E7DE23-C890-4C01-A406-E9B92EEAC268}" type="pres">
      <dgm:prSet presAssocID="{2BE65C82-C513-4C4B-97F9-25997C6A0E9E}" presName="compNode" presStyleCnt="0"/>
      <dgm:spPr/>
    </dgm:pt>
    <dgm:pt modelId="{9AA4CA80-E35B-4679-8244-11BBC1B47BF3}" type="pres">
      <dgm:prSet presAssocID="{2BE65C82-C513-4C4B-97F9-25997C6A0E9E}" presName="iconBgRect" presStyleLbl="bgShp" presStyleIdx="1" presStyleCnt="4"/>
      <dgm:spPr/>
    </dgm:pt>
    <dgm:pt modelId="{41C32330-936B-46B8-A11C-171A621DF6BD}" type="pres">
      <dgm:prSet presAssocID="{2BE65C82-C513-4C4B-97F9-25997C6A0E9E}"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ar"/>
        </a:ext>
      </dgm:extLst>
    </dgm:pt>
    <dgm:pt modelId="{4C48212D-55BB-4EC4-8F6F-9157D834A3F3}" type="pres">
      <dgm:prSet presAssocID="{2BE65C82-C513-4C4B-97F9-25997C6A0E9E}" presName="spaceRect" presStyleCnt="0"/>
      <dgm:spPr/>
    </dgm:pt>
    <dgm:pt modelId="{7D2BB6A7-A25D-4EA8-B45D-1801C6B193DE}" type="pres">
      <dgm:prSet presAssocID="{2BE65C82-C513-4C4B-97F9-25997C6A0E9E}" presName="textRect" presStyleLbl="revTx" presStyleIdx="1" presStyleCnt="4">
        <dgm:presLayoutVars>
          <dgm:chMax val="1"/>
          <dgm:chPref val="1"/>
        </dgm:presLayoutVars>
      </dgm:prSet>
      <dgm:spPr/>
    </dgm:pt>
    <dgm:pt modelId="{7010E98E-06F7-4EFA-9E7E-8546C55219E4}" type="pres">
      <dgm:prSet presAssocID="{856571B6-CC3E-4840-B289-8B7374441A99}" presName="sibTrans" presStyleCnt="0"/>
      <dgm:spPr/>
    </dgm:pt>
    <dgm:pt modelId="{BE122184-F7D0-4EAA-B2F9-EC3AE86E961C}" type="pres">
      <dgm:prSet presAssocID="{9CC8B986-E7D5-4845-8D8F-FC262DBF3C68}" presName="compNode" presStyleCnt="0"/>
      <dgm:spPr/>
    </dgm:pt>
    <dgm:pt modelId="{BDE41B09-E5AB-428A-8C37-4A76B5E309D0}" type="pres">
      <dgm:prSet presAssocID="{9CC8B986-E7D5-4845-8D8F-FC262DBF3C68}" presName="iconBgRect" presStyleLbl="bgShp" presStyleIdx="2" presStyleCnt="4"/>
      <dgm:spPr/>
    </dgm:pt>
    <dgm:pt modelId="{559067EA-368B-4D2D-BB60-67682103EFFA}" type="pres">
      <dgm:prSet presAssocID="{9CC8B986-E7D5-4845-8D8F-FC262DBF3C68}"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Handshake"/>
        </a:ext>
      </dgm:extLst>
    </dgm:pt>
    <dgm:pt modelId="{1DA80F23-928D-42A3-B606-92F9726069C4}" type="pres">
      <dgm:prSet presAssocID="{9CC8B986-E7D5-4845-8D8F-FC262DBF3C68}" presName="spaceRect" presStyleCnt="0"/>
      <dgm:spPr/>
    </dgm:pt>
    <dgm:pt modelId="{7120581F-BAE0-47B4-A1C2-37758CE615C3}" type="pres">
      <dgm:prSet presAssocID="{9CC8B986-E7D5-4845-8D8F-FC262DBF3C68}" presName="textRect" presStyleLbl="revTx" presStyleIdx="2" presStyleCnt="4">
        <dgm:presLayoutVars>
          <dgm:chMax val="1"/>
          <dgm:chPref val="1"/>
        </dgm:presLayoutVars>
      </dgm:prSet>
      <dgm:spPr/>
    </dgm:pt>
    <dgm:pt modelId="{9E822A3C-4DE5-432A-A8BA-C9E3EE2C135B}" type="pres">
      <dgm:prSet presAssocID="{196DEA73-7734-4839-BD0D-3AE1585A5904}" presName="sibTrans" presStyleCnt="0"/>
      <dgm:spPr/>
    </dgm:pt>
    <dgm:pt modelId="{935ADACB-9E34-4406-8724-C6F01FCD0809}" type="pres">
      <dgm:prSet presAssocID="{9C072D16-0649-43F7-B96C-C574EE0B2B82}" presName="compNode" presStyleCnt="0"/>
      <dgm:spPr/>
    </dgm:pt>
    <dgm:pt modelId="{7C96BDD1-36C3-4147-A1B9-0871D4E7127C}" type="pres">
      <dgm:prSet presAssocID="{9C072D16-0649-43F7-B96C-C574EE0B2B82}" presName="iconBgRect" presStyleLbl="bgShp" presStyleIdx="3" presStyleCnt="4"/>
      <dgm:spPr/>
    </dgm:pt>
    <dgm:pt modelId="{EC1B18F1-1955-4575-B458-28A39CF93371}" type="pres">
      <dgm:prSet presAssocID="{9C072D16-0649-43F7-B96C-C574EE0B2B82}"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Books"/>
        </a:ext>
      </dgm:extLst>
    </dgm:pt>
    <dgm:pt modelId="{DF11DE6B-620C-4045-8322-5CF13C620F4B}" type="pres">
      <dgm:prSet presAssocID="{9C072D16-0649-43F7-B96C-C574EE0B2B82}" presName="spaceRect" presStyleCnt="0"/>
      <dgm:spPr/>
    </dgm:pt>
    <dgm:pt modelId="{AFCED3EE-EEEC-42CC-898D-1B7A143B20E3}" type="pres">
      <dgm:prSet presAssocID="{9C072D16-0649-43F7-B96C-C574EE0B2B82}" presName="textRect" presStyleLbl="revTx" presStyleIdx="3" presStyleCnt="4">
        <dgm:presLayoutVars>
          <dgm:chMax val="1"/>
          <dgm:chPref val="1"/>
        </dgm:presLayoutVars>
      </dgm:prSet>
      <dgm:spPr/>
    </dgm:pt>
  </dgm:ptLst>
  <dgm:cxnLst>
    <dgm:cxn modelId="{8B5B8D15-B14E-4C05-B4ED-A61FF39E523B}" type="presOf" srcId="{2BE65C82-C513-4C4B-97F9-25997C6A0E9E}" destId="{7D2BB6A7-A25D-4EA8-B45D-1801C6B193DE}" srcOrd="0" destOrd="0" presId="urn:microsoft.com/office/officeart/2018/5/layout/IconCircleLabelList"/>
    <dgm:cxn modelId="{FFB78A2C-BC4A-4F61-983E-7459CD860ECD}" srcId="{8E9C4A20-9C85-4F5C-A758-B708B55F3041}" destId="{9C072D16-0649-43F7-B96C-C574EE0B2B82}" srcOrd="3" destOrd="0" parTransId="{F8854DAC-1CA4-4D02-8AC1-AB5A13F42CDE}" sibTransId="{EF1D7FFF-465F-483D-A1C7-74D0F7303108}"/>
    <dgm:cxn modelId="{E862093B-DEEB-4E68-A717-F15BAAA38481}" type="presOf" srcId="{8E9C4A20-9C85-4F5C-A758-B708B55F3041}" destId="{DD10DEC6-123B-43F6-8A39-F23530BEB1BF}" srcOrd="0" destOrd="0" presId="urn:microsoft.com/office/officeart/2018/5/layout/IconCircleLabelList"/>
    <dgm:cxn modelId="{1DB53454-9BAF-427F-BFD9-ED7A8C76B276}" type="presOf" srcId="{9CC8B986-E7D5-4845-8D8F-FC262DBF3C68}" destId="{7120581F-BAE0-47B4-A1C2-37758CE615C3}" srcOrd="0" destOrd="0" presId="urn:microsoft.com/office/officeart/2018/5/layout/IconCircleLabelList"/>
    <dgm:cxn modelId="{D3579F8A-2134-4028-B746-489143BAEF1C}" srcId="{8E9C4A20-9C85-4F5C-A758-B708B55F3041}" destId="{F997926B-534C-43E3-B431-09BA5F97F250}" srcOrd="0" destOrd="0" parTransId="{6B511618-FEE7-461E-A275-C9B064F3ACA9}" sibTransId="{02C3AC3C-93D3-40D3-91E6-7B4B3A872963}"/>
    <dgm:cxn modelId="{79BABD8D-AB70-4AC8-B875-D49A61FBCBAF}" srcId="{8E9C4A20-9C85-4F5C-A758-B708B55F3041}" destId="{2BE65C82-C513-4C4B-97F9-25997C6A0E9E}" srcOrd="1" destOrd="0" parTransId="{1762191F-6A14-45BF-B0BD-1FFE321A7278}" sibTransId="{856571B6-CC3E-4840-B289-8B7374441A99}"/>
    <dgm:cxn modelId="{48A6CBA3-75E3-4C38-A67B-7FCDBA75AC5D}" type="presOf" srcId="{9C072D16-0649-43F7-B96C-C574EE0B2B82}" destId="{AFCED3EE-EEEC-42CC-898D-1B7A143B20E3}" srcOrd="0" destOrd="0" presId="urn:microsoft.com/office/officeart/2018/5/layout/IconCircleLabelList"/>
    <dgm:cxn modelId="{CAD868B5-AD97-4657-B514-33DDA09B6D96}" type="presOf" srcId="{F997926B-534C-43E3-B431-09BA5F97F250}" destId="{C0174355-1ECD-4C9A-A618-4AF12F45FF66}" srcOrd="0" destOrd="0" presId="urn:microsoft.com/office/officeart/2018/5/layout/IconCircleLabelList"/>
    <dgm:cxn modelId="{623564D5-783F-4A0B-B255-8CE46C71CB06}" srcId="{8E9C4A20-9C85-4F5C-A758-B708B55F3041}" destId="{9CC8B986-E7D5-4845-8D8F-FC262DBF3C68}" srcOrd="2" destOrd="0" parTransId="{C3112E52-2A3C-444F-8FD2-70F0B279A6C5}" sibTransId="{196DEA73-7734-4839-BD0D-3AE1585A5904}"/>
    <dgm:cxn modelId="{9B5DF914-D8F0-4C75-B0D7-580AAEF56319}" type="presParOf" srcId="{DD10DEC6-123B-43F6-8A39-F23530BEB1BF}" destId="{DF8C7252-45FF-4132-9741-9337614A1DC8}" srcOrd="0" destOrd="0" presId="urn:microsoft.com/office/officeart/2018/5/layout/IconCircleLabelList"/>
    <dgm:cxn modelId="{AA7514B7-46AF-41C1-9A9D-08ECD0C4E551}" type="presParOf" srcId="{DF8C7252-45FF-4132-9741-9337614A1DC8}" destId="{8C1FB875-E646-4972-8E67-624508D99364}" srcOrd="0" destOrd="0" presId="urn:microsoft.com/office/officeart/2018/5/layout/IconCircleLabelList"/>
    <dgm:cxn modelId="{D5D62107-62A3-4420-8951-94E86CD6F9F2}" type="presParOf" srcId="{DF8C7252-45FF-4132-9741-9337614A1DC8}" destId="{A823B2B3-A682-419F-87A0-722A2CDBE641}" srcOrd="1" destOrd="0" presId="urn:microsoft.com/office/officeart/2018/5/layout/IconCircleLabelList"/>
    <dgm:cxn modelId="{A3492858-7EE1-4BC3-BCA0-6E6E5A859DF0}" type="presParOf" srcId="{DF8C7252-45FF-4132-9741-9337614A1DC8}" destId="{26CB9228-B235-4DDE-82C2-FDC5442A5174}" srcOrd="2" destOrd="0" presId="urn:microsoft.com/office/officeart/2018/5/layout/IconCircleLabelList"/>
    <dgm:cxn modelId="{8153F3DD-4651-43B6-9A99-B8615785EB88}" type="presParOf" srcId="{DF8C7252-45FF-4132-9741-9337614A1DC8}" destId="{C0174355-1ECD-4C9A-A618-4AF12F45FF66}" srcOrd="3" destOrd="0" presId="urn:microsoft.com/office/officeart/2018/5/layout/IconCircleLabelList"/>
    <dgm:cxn modelId="{D1F053F3-8C2F-4AE9-B8E9-3B46924B6F61}" type="presParOf" srcId="{DD10DEC6-123B-43F6-8A39-F23530BEB1BF}" destId="{E4DFE8E4-27A8-4226-B871-DE4CD3594470}" srcOrd="1" destOrd="0" presId="urn:microsoft.com/office/officeart/2018/5/layout/IconCircleLabelList"/>
    <dgm:cxn modelId="{2D9A4C3F-F774-4F56-952D-4F175363461C}" type="presParOf" srcId="{DD10DEC6-123B-43F6-8A39-F23530BEB1BF}" destId="{B2E7DE23-C890-4C01-A406-E9B92EEAC268}" srcOrd="2" destOrd="0" presId="urn:microsoft.com/office/officeart/2018/5/layout/IconCircleLabelList"/>
    <dgm:cxn modelId="{FE6BA1CD-B7EC-4483-B72B-2326F650F914}" type="presParOf" srcId="{B2E7DE23-C890-4C01-A406-E9B92EEAC268}" destId="{9AA4CA80-E35B-4679-8244-11BBC1B47BF3}" srcOrd="0" destOrd="0" presId="urn:microsoft.com/office/officeart/2018/5/layout/IconCircleLabelList"/>
    <dgm:cxn modelId="{078D5386-2098-4492-9E63-AB4F046F2CD7}" type="presParOf" srcId="{B2E7DE23-C890-4C01-A406-E9B92EEAC268}" destId="{41C32330-936B-46B8-A11C-171A621DF6BD}" srcOrd="1" destOrd="0" presId="urn:microsoft.com/office/officeart/2018/5/layout/IconCircleLabelList"/>
    <dgm:cxn modelId="{7C747485-4CCC-4ADB-8DDE-2DB42A3C7CE0}" type="presParOf" srcId="{B2E7DE23-C890-4C01-A406-E9B92EEAC268}" destId="{4C48212D-55BB-4EC4-8F6F-9157D834A3F3}" srcOrd="2" destOrd="0" presId="urn:microsoft.com/office/officeart/2018/5/layout/IconCircleLabelList"/>
    <dgm:cxn modelId="{FD2D2051-8945-42EE-801E-FD0A1F91AD1C}" type="presParOf" srcId="{B2E7DE23-C890-4C01-A406-E9B92EEAC268}" destId="{7D2BB6A7-A25D-4EA8-B45D-1801C6B193DE}" srcOrd="3" destOrd="0" presId="urn:microsoft.com/office/officeart/2018/5/layout/IconCircleLabelList"/>
    <dgm:cxn modelId="{E2090AF3-A897-44EF-9989-3B25B54FCF41}" type="presParOf" srcId="{DD10DEC6-123B-43F6-8A39-F23530BEB1BF}" destId="{7010E98E-06F7-4EFA-9E7E-8546C55219E4}" srcOrd="3" destOrd="0" presId="urn:microsoft.com/office/officeart/2018/5/layout/IconCircleLabelList"/>
    <dgm:cxn modelId="{0B088D27-8213-4AB1-A739-6E7DE407E7F3}" type="presParOf" srcId="{DD10DEC6-123B-43F6-8A39-F23530BEB1BF}" destId="{BE122184-F7D0-4EAA-B2F9-EC3AE86E961C}" srcOrd="4" destOrd="0" presId="urn:microsoft.com/office/officeart/2018/5/layout/IconCircleLabelList"/>
    <dgm:cxn modelId="{CB1F8748-C2BB-44DA-8569-34B58A4B9EEA}" type="presParOf" srcId="{BE122184-F7D0-4EAA-B2F9-EC3AE86E961C}" destId="{BDE41B09-E5AB-428A-8C37-4A76B5E309D0}" srcOrd="0" destOrd="0" presId="urn:microsoft.com/office/officeart/2018/5/layout/IconCircleLabelList"/>
    <dgm:cxn modelId="{7CFBD7B3-6725-41CE-9A19-67C2C45C9BBD}" type="presParOf" srcId="{BE122184-F7D0-4EAA-B2F9-EC3AE86E961C}" destId="{559067EA-368B-4D2D-BB60-67682103EFFA}" srcOrd="1" destOrd="0" presId="urn:microsoft.com/office/officeart/2018/5/layout/IconCircleLabelList"/>
    <dgm:cxn modelId="{7A4D1456-9A53-47B2-BFBA-5AB6CF3B85F7}" type="presParOf" srcId="{BE122184-F7D0-4EAA-B2F9-EC3AE86E961C}" destId="{1DA80F23-928D-42A3-B606-92F9726069C4}" srcOrd="2" destOrd="0" presId="urn:microsoft.com/office/officeart/2018/5/layout/IconCircleLabelList"/>
    <dgm:cxn modelId="{C59DCEDA-FFA0-4235-8E06-69A8B9CAD22C}" type="presParOf" srcId="{BE122184-F7D0-4EAA-B2F9-EC3AE86E961C}" destId="{7120581F-BAE0-47B4-A1C2-37758CE615C3}" srcOrd="3" destOrd="0" presId="urn:microsoft.com/office/officeart/2018/5/layout/IconCircleLabelList"/>
    <dgm:cxn modelId="{A14B97C4-6D77-40A4-B3C9-590F46D6D37C}" type="presParOf" srcId="{DD10DEC6-123B-43F6-8A39-F23530BEB1BF}" destId="{9E822A3C-4DE5-432A-A8BA-C9E3EE2C135B}" srcOrd="5" destOrd="0" presId="urn:microsoft.com/office/officeart/2018/5/layout/IconCircleLabelList"/>
    <dgm:cxn modelId="{6BDB8778-5C9B-4F77-BEC7-FD6BEEFED471}" type="presParOf" srcId="{DD10DEC6-123B-43F6-8A39-F23530BEB1BF}" destId="{935ADACB-9E34-4406-8724-C6F01FCD0809}" srcOrd="6" destOrd="0" presId="urn:microsoft.com/office/officeart/2018/5/layout/IconCircleLabelList"/>
    <dgm:cxn modelId="{4E63037C-3AAD-42CD-8258-F96CC6772D4E}" type="presParOf" srcId="{935ADACB-9E34-4406-8724-C6F01FCD0809}" destId="{7C96BDD1-36C3-4147-A1B9-0871D4E7127C}" srcOrd="0" destOrd="0" presId="urn:microsoft.com/office/officeart/2018/5/layout/IconCircleLabelList"/>
    <dgm:cxn modelId="{569B2F70-FFA0-4F6A-A3AC-86C3B3B6E8DB}" type="presParOf" srcId="{935ADACB-9E34-4406-8724-C6F01FCD0809}" destId="{EC1B18F1-1955-4575-B458-28A39CF93371}" srcOrd="1" destOrd="0" presId="urn:microsoft.com/office/officeart/2018/5/layout/IconCircleLabelList"/>
    <dgm:cxn modelId="{8845AF2C-0E92-4590-940E-1669D2C79BFB}" type="presParOf" srcId="{935ADACB-9E34-4406-8724-C6F01FCD0809}" destId="{DF11DE6B-620C-4045-8322-5CF13C620F4B}" srcOrd="2" destOrd="0" presId="urn:microsoft.com/office/officeart/2018/5/layout/IconCircleLabelList"/>
    <dgm:cxn modelId="{75C9E405-B463-4639-AD20-3687C6C21A38}" type="presParOf" srcId="{935ADACB-9E34-4406-8724-C6F01FCD0809}" destId="{AFCED3EE-EEEC-42CC-898D-1B7A143B20E3}" srcOrd="3" destOrd="0" presId="urn:microsoft.com/office/officeart/2018/5/layout/IconCircleLabel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18591CC-52A3-4B2B-98AE-9AE056A29588}">
      <dsp:nvSpPr>
        <dsp:cNvPr id="0" name=""/>
        <dsp:cNvSpPr/>
      </dsp:nvSpPr>
      <dsp:spPr>
        <a:xfrm>
          <a:off x="276687" y="358277"/>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3C76F62-372A-4576-9C6B-FEEA2FFEBBE8}">
      <dsp:nvSpPr>
        <dsp:cNvPr id="0" name=""/>
        <dsp:cNvSpPr/>
      </dsp:nvSpPr>
      <dsp:spPr>
        <a:xfrm>
          <a:off x="564204" y="645794"/>
          <a:ext cx="794094" cy="79409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BBC0883-3AAB-4FE3-B21C-EE48E474E39C}">
      <dsp:nvSpPr>
        <dsp:cNvPr id="0" name=""/>
        <dsp:cNvSpPr/>
      </dsp:nvSpPr>
      <dsp:spPr>
        <a:xfrm>
          <a:off x="1939200" y="358277"/>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US" sz="1800" kern="1200"/>
            <a:t>Montclair sits along the Watchung ridgeline, so water moves downhill fast</a:t>
          </a:r>
        </a:p>
      </dsp:txBody>
      <dsp:txXfrm>
        <a:off x="1939200" y="358277"/>
        <a:ext cx="3227232" cy="1369128"/>
      </dsp:txXfrm>
    </dsp:sp>
    <dsp:sp modelId="{EB7AE381-2F0C-4EA8-B5A3-82195AB99ACF}">
      <dsp:nvSpPr>
        <dsp:cNvPr id="0" name=""/>
        <dsp:cNvSpPr/>
      </dsp:nvSpPr>
      <dsp:spPr>
        <a:xfrm>
          <a:off x="5728753" y="358277"/>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1BD214A-58F0-4F85-8EBE-0416894C4B9A}">
      <dsp:nvSpPr>
        <dsp:cNvPr id="0" name=""/>
        <dsp:cNvSpPr/>
      </dsp:nvSpPr>
      <dsp:spPr>
        <a:xfrm>
          <a:off x="6016270" y="645794"/>
          <a:ext cx="794094" cy="79409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4F7DA7-2B8F-403A-A8E0-62835E1DE684}">
      <dsp:nvSpPr>
        <dsp:cNvPr id="0" name=""/>
        <dsp:cNvSpPr/>
      </dsp:nvSpPr>
      <dsp:spPr>
        <a:xfrm>
          <a:off x="7391267" y="358277"/>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US" sz="1800" kern="1200"/>
            <a:t>Runoff reaches low points quicker than systems were designed for</a:t>
          </a:r>
        </a:p>
      </dsp:txBody>
      <dsp:txXfrm>
        <a:off x="7391267" y="358277"/>
        <a:ext cx="3227232" cy="1369128"/>
      </dsp:txXfrm>
    </dsp:sp>
    <dsp:sp modelId="{4418CE50-B31C-4E67-96D1-76BF2011B1F6}">
      <dsp:nvSpPr>
        <dsp:cNvPr id="0" name=""/>
        <dsp:cNvSpPr/>
      </dsp:nvSpPr>
      <dsp:spPr>
        <a:xfrm>
          <a:off x="276687" y="2435019"/>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B4D676B-6FCB-4D1F-81B8-67E5215907E7}">
      <dsp:nvSpPr>
        <dsp:cNvPr id="0" name=""/>
        <dsp:cNvSpPr/>
      </dsp:nvSpPr>
      <dsp:spPr>
        <a:xfrm>
          <a:off x="564204" y="2722536"/>
          <a:ext cx="794094" cy="79409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515DEDC-E705-4F6C-9784-F1C36426B9FD}">
      <dsp:nvSpPr>
        <dsp:cNvPr id="0" name=""/>
        <dsp:cNvSpPr/>
      </dsp:nvSpPr>
      <dsp:spPr>
        <a:xfrm>
          <a:off x="1939200" y="2435019"/>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US" sz="1800" kern="1200"/>
            <a:t>Much of the drainage network is legacy infrastructure that was not comprehensively planned when it was installed</a:t>
          </a:r>
        </a:p>
      </dsp:txBody>
      <dsp:txXfrm>
        <a:off x="1939200" y="2435019"/>
        <a:ext cx="3227232" cy="1369128"/>
      </dsp:txXfrm>
    </dsp:sp>
    <dsp:sp modelId="{D43646CD-B2E6-4083-B67B-FE3813AB76D4}">
      <dsp:nvSpPr>
        <dsp:cNvPr id="0" name=""/>
        <dsp:cNvSpPr/>
      </dsp:nvSpPr>
      <dsp:spPr>
        <a:xfrm>
          <a:off x="5728753" y="2435019"/>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EF65C56-A861-4CF4-8782-8F28166C3AF7}">
      <dsp:nvSpPr>
        <dsp:cNvPr id="0" name=""/>
        <dsp:cNvSpPr/>
      </dsp:nvSpPr>
      <dsp:spPr>
        <a:xfrm>
          <a:off x="6016270" y="2722536"/>
          <a:ext cx="794094" cy="794094"/>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731D73D-D56C-45ED-8694-56299AADB279}">
      <dsp:nvSpPr>
        <dsp:cNvPr id="0" name=""/>
        <dsp:cNvSpPr/>
      </dsp:nvSpPr>
      <dsp:spPr>
        <a:xfrm>
          <a:off x="7391267" y="2435019"/>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800100">
            <a:lnSpc>
              <a:spcPct val="90000"/>
            </a:lnSpc>
            <a:spcBef>
              <a:spcPct val="0"/>
            </a:spcBef>
            <a:spcAft>
              <a:spcPct val="35000"/>
            </a:spcAft>
            <a:buNone/>
          </a:pPr>
          <a:r>
            <a:rPr lang="en-US" sz="1800" kern="1200"/>
            <a:t>When rainfall intensifies, problems stack up downstream</a:t>
          </a:r>
        </a:p>
      </dsp:txBody>
      <dsp:txXfrm>
        <a:off x="7391267" y="2435019"/>
        <a:ext cx="3227232" cy="1369128"/>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BBF7CBD-3597-40AC-A77C-8CD9021B0DB6}">
      <dsp:nvSpPr>
        <dsp:cNvPr id="0" name=""/>
        <dsp:cNvSpPr/>
      </dsp:nvSpPr>
      <dsp:spPr>
        <a:xfrm>
          <a:off x="0" y="318022"/>
          <a:ext cx="6265863" cy="112554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l" defTabSz="1155700">
            <a:lnSpc>
              <a:spcPct val="90000"/>
            </a:lnSpc>
            <a:spcBef>
              <a:spcPct val="0"/>
            </a:spcBef>
            <a:spcAft>
              <a:spcPct val="35000"/>
            </a:spcAft>
            <a:buNone/>
          </a:pPr>
          <a:r>
            <a:rPr lang="en-US" sz="2600" kern="1200"/>
            <a:t>Ida delivered an extreme amount of rain in a short window</a:t>
          </a:r>
        </a:p>
      </dsp:txBody>
      <dsp:txXfrm>
        <a:off x="54944" y="372966"/>
        <a:ext cx="6155975" cy="1015652"/>
      </dsp:txXfrm>
    </dsp:sp>
    <dsp:sp modelId="{12369AFC-5D6A-4B61-823F-083F65326BCB}">
      <dsp:nvSpPr>
        <dsp:cNvPr id="0" name=""/>
        <dsp:cNvSpPr/>
      </dsp:nvSpPr>
      <dsp:spPr>
        <a:xfrm>
          <a:off x="0" y="1518442"/>
          <a:ext cx="6265863" cy="112554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l" defTabSz="1155700">
            <a:lnSpc>
              <a:spcPct val="90000"/>
            </a:lnSpc>
            <a:spcBef>
              <a:spcPct val="0"/>
            </a:spcBef>
            <a:spcAft>
              <a:spcPct val="35000"/>
            </a:spcAft>
            <a:buNone/>
          </a:pPr>
          <a:r>
            <a:rPr lang="en-US" sz="2600" kern="1200"/>
            <a:t>Stormwater systems were quickly overwhelmed </a:t>
          </a:r>
        </a:p>
      </dsp:txBody>
      <dsp:txXfrm>
        <a:off x="54944" y="1573386"/>
        <a:ext cx="6155975" cy="1015652"/>
      </dsp:txXfrm>
    </dsp:sp>
    <dsp:sp modelId="{12ED8B8A-A4CB-4E5B-926A-A6453815C853}">
      <dsp:nvSpPr>
        <dsp:cNvPr id="0" name=""/>
        <dsp:cNvSpPr/>
      </dsp:nvSpPr>
      <dsp:spPr>
        <a:xfrm>
          <a:off x="0" y="2718862"/>
          <a:ext cx="6265863" cy="112554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l" defTabSz="1155700">
            <a:lnSpc>
              <a:spcPct val="90000"/>
            </a:lnSpc>
            <a:spcBef>
              <a:spcPct val="0"/>
            </a:spcBef>
            <a:spcAft>
              <a:spcPct val="35000"/>
            </a:spcAft>
            <a:buNone/>
          </a:pPr>
          <a:r>
            <a:rPr lang="en-US" sz="2600" kern="1200"/>
            <a:t>Streets flooded, properties were damaged, and services were disrupted</a:t>
          </a:r>
        </a:p>
      </dsp:txBody>
      <dsp:txXfrm>
        <a:off x="54944" y="2773806"/>
        <a:ext cx="6155975" cy="101565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1B40550-8538-496A-A510-3027CBBEFC9B}">
      <dsp:nvSpPr>
        <dsp:cNvPr id="0" name=""/>
        <dsp:cNvSpPr/>
      </dsp:nvSpPr>
      <dsp:spPr>
        <a:xfrm>
          <a:off x="0" y="508"/>
          <a:ext cx="10893600" cy="118873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5720AB7-EE4E-443D-A162-4EB0BA7AB233}">
      <dsp:nvSpPr>
        <dsp:cNvPr id="0" name=""/>
        <dsp:cNvSpPr/>
      </dsp:nvSpPr>
      <dsp:spPr>
        <a:xfrm>
          <a:off x="359593" y="267974"/>
          <a:ext cx="653806" cy="65380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553A492-ACE4-43E8-AEC8-C7435A4FE268}">
      <dsp:nvSpPr>
        <dsp:cNvPr id="0" name=""/>
        <dsp:cNvSpPr/>
      </dsp:nvSpPr>
      <dsp:spPr>
        <a:xfrm>
          <a:off x="1372992" y="508"/>
          <a:ext cx="9520607" cy="118873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25808" tIns="125808" rIns="125808" bIns="125808" numCol="1" spcCol="1270" anchor="ctr" anchorCtr="0">
          <a:noAutofit/>
        </a:bodyPr>
        <a:lstStyle/>
        <a:p>
          <a:pPr marL="0" lvl="0" indent="0" algn="l" defTabSz="1111250">
            <a:lnSpc>
              <a:spcPct val="100000"/>
            </a:lnSpc>
            <a:spcBef>
              <a:spcPct val="0"/>
            </a:spcBef>
            <a:spcAft>
              <a:spcPct val="35000"/>
            </a:spcAft>
            <a:buNone/>
          </a:pPr>
          <a:r>
            <a:rPr lang="en-US" sz="2500" kern="1200"/>
            <a:t>Ida gave the Township a shared understanding of risk</a:t>
          </a:r>
        </a:p>
      </dsp:txBody>
      <dsp:txXfrm>
        <a:off x="1372992" y="508"/>
        <a:ext cx="9520607" cy="1188738"/>
      </dsp:txXfrm>
    </dsp:sp>
    <dsp:sp modelId="{0D5BEA24-F800-4A7D-85AA-B72590A6EFE1}">
      <dsp:nvSpPr>
        <dsp:cNvPr id="0" name=""/>
        <dsp:cNvSpPr/>
      </dsp:nvSpPr>
      <dsp:spPr>
        <a:xfrm>
          <a:off x="0" y="1486430"/>
          <a:ext cx="10893600" cy="118873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88C373C-A25A-4700-817E-E8AEE034BF8A}">
      <dsp:nvSpPr>
        <dsp:cNvPr id="0" name=""/>
        <dsp:cNvSpPr/>
      </dsp:nvSpPr>
      <dsp:spPr>
        <a:xfrm>
          <a:off x="359593" y="1753896"/>
          <a:ext cx="653806" cy="65380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F826D487-C61F-4535-A36B-88E2FEAEA863}">
      <dsp:nvSpPr>
        <dsp:cNvPr id="0" name=""/>
        <dsp:cNvSpPr/>
      </dsp:nvSpPr>
      <dsp:spPr>
        <a:xfrm>
          <a:off x="1372992" y="1486430"/>
          <a:ext cx="9520607" cy="118873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25808" tIns="125808" rIns="125808" bIns="125808" numCol="1" spcCol="1270" anchor="ctr" anchorCtr="0">
          <a:noAutofit/>
        </a:bodyPr>
        <a:lstStyle/>
        <a:p>
          <a:pPr marL="0" lvl="0" indent="0" algn="l" defTabSz="1111250">
            <a:lnSpc>
              <a:spcPct val="100000"/>
            </a:lnSpc>
            <a:spcBef>
              <a:spcPct val="0"/>
            </a:spcBef>
            <a:spcAft>
              <a:spcPct val="35000"/>
            </a:spcAft>
            <a:buNone/>
          </a:pPr>
          <a:r>
            <a:rPr lang="en-US" sz="2500" kern="1200" dirty="0"/>
            <a:t>The next step was deciding what that meant for planning</a:t>
          </a:r>
        </a:p>
      </dsp:txBody>
      <dsp:txXfrm>
        <a:off x="1372992" y="1486430"/>
        <a:ext cx="9520607" cy="1188738"/>
      </dsp:txXfrm>
    </dsp:sp>
    <dsp:sp modelId="{2AF6CB09-A9B8-4A80-AC27-903C4D3BB985}">
      <dsp:nvSpPr>
        <dsp:cNvPr id="0" name=""/>
        <dsp:cNvSpPr/>
      </dsp:nvSpPr>
      <dsp:spPr>
        <a:xfrm>
          <a:off x="0" y="2972353"/>
          <a:ext cx="10893600" cy="118873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35A419C-58DA-4EC9-8A94-644A07B5242A}">
      <dsp:nvSpPr>
        <dsp:cNvPr id="0" name=""/>
        <dsp:cNvSpPr/>
      </dsp:nvSpPr>
      <dsp:spPr>
        <a:xfrm>
          <a:off x="359593" y="3239819"/>
          <a:ext cx="653806" cy="65380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55484A5-29ED-4E41-B0A8-7DC40501725C}">
      <dsp:nvSpPr>
        <dsp:cNvPr id="0" name=""/>
        <dsp:cNvSpPr/>
      </dsp:nvSpPr>
      <dsp:spPr>
        <a:xfrm>
          <a:off x="1372992" y="2972353"/>
          <a:ext cx="9520607" cy="118873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25808" tIns="125808" rIns="125808" bIns="125808" numCol="1" spcCol="1270" anchor="ctr" anchorCtr="0">
          <a:noAutofit/>
        </a:bodyPr>
        <a:lstStyle/>
        <a:p>
          <a:pPr marL="0" lvl="0" indent="0" algn="l" defTabSz="1111250">
            <a:lnSpc>
              <a:spcPct val="100000"/>
            </a:lnSpc>
            <a:spcBef>
              <a:spcPct val="0"/>
            </a:spcBef>
            <a:spcAft>
              <a:spcPct val="35000"/>
            </a:spcAft>
            <a:buNone/>
          </a:pPr>
          <a:r>
            <a:rPr lang="en-US" sz="2500" kern="1200" dirty="0"/>
            <a:t>Looking at each risk helped point us toward specific actions that could strengthen local resilience.</a:t>
          </a:r>
        </a:p>
      </dsp:txBody>
      <dsp:txXfrm>
        <a:off x="1372992" y="2972353"/>
        <a:ext cx="9520607" cy="1188738"/>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188F8F1-87B6-405C-8619-F249BA7F676C}">
      <dsp:nvSpPr>
        <dsp:cNvPr id="0" name=""/>
        <dsp:cNvSpPr/>
      </dsp:nvSpPr>
      <dsp:spPr>
        <a:xfrm>
          <a:off x="276687" y="358277"/>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679C1DC-AD52-4508-90E1-16B9AED0C266}">
      <dsp:nvSpPr>
        <dsp:cNvPr id="0" name=""/>
        <dsp:cNvSpPr/>
      </dsp:nvSpPr>
      <dsp:spPr>
        <a:xfrm>
          <a:off x="564204" y="645794"/>
          <a:ext cx="794094" cy="79409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FFCF58FC-4B03-485E-804E-57FA28B26542}">
      <dsp:nvSpPr>
        <dsp:cNvPr id="0" name=""/>
        <dsp:cNvSpPr/>
      </dsp:nvSpPr>
      <dsp:spPr>
        <a:xfrm>
          <a:off x="1939200" y="358277"/>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933450">
            <a:lnSpc>
              <a:spcPct val="90000"/>
            </a:lnSpc>
            <a:spcBef>
              <a:spcPct val="0"/>
            </a:spcBef>
            <a:spcAft>
              <a:spcPct val="35000"/>
            </a:spcAft>
            <a:buNone/>
          </a:pPr>
          <a:r>
            <a:rPr lang="en-US" sz="2100" kern="1200"/>
            <a:t>About 2,150 parcels in town are exposed to flooding</a:t>
          </a:r>
        </a:p>
      </dsp:txBody>
      <dsp:txXfrm>
        <a:off x="1939200" y="358277"/>
        <a:ext cx="3227232" cy="1369128"/>
      </dsp:txXfrm>
    </dsp:sp>
    <dsp:sp modelId="{C4E35A82-3BEC-4790-A1BF-8E74F011121B}">
      <dsp:nvSpPr>
        <dsp:cNvPr id="0" name=""/>
        <dsp:cNvSpPr/>
      </dsp:nvSpPr>
      <dsp:spPr>
        <a:xfrm>
          <a:off x="5728753" y="358277"/>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EB1F97B-7DEC-408D-B42B-5C80D4DB3C81}">
      <dsp:nvSpPr>
        <dsp:cNvPr id="0" name=""/>
        <dsp:cNvSpPr/>
      </dsp:nvSpPr>
      <dsp:spPr>
        <a:xfrm>
          <a:off x="6016270" y="645794"/>
          <a:ext cx="794094" cy="79409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8ED63F3D-D509-4DF7-A45A-43DA20751F6D}">
      <dsp:nvSpPr>
        <dsp:cNvPr id="0" name=""/>
        <dsp:cNvSpPr/>
      </dsp:nvSpPr>
      <dsp:spPr>
        <a:xfrm>
          <a:off x="7391267" y="358277"/>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933450">
            <a:lnSpc>
              <a:spcPct val="90000"/>
            </a:lnSpc>
            <a:spcBef>
              <a:spcPct val="0"/>
            </a:spcBef>
            <a:spcAft>
              <a:spcPct val="35000"/>
            </a:spcAft>
            <a:buNone/>
          </a:pPr>
          <a:r>
            <a:rPr lang="en-US" sz="2100" kern="1200"/>
            <a:t>That represents more than $1.37 billion in assessed property value</a:t>
          </a:r>
        </a:p>
      </dsp:txBody>
      <dsp:txXfrm>
        <a:off x="7391267" y="358277"/>
        <a:ext cx="3227232" cy="1369128"/>
      </dsp:txXfrm>
    </dsp:sp>
    <dsp:sp modelId="{9126F743-443B-4AAA-A2F7-81B5ACE1C166}">
      <dsp:nvSpPr>
        <dsp:cNvPr id="0" name=""/>
        <dsp:cNvSpPr/>
      </dsp:nvSpPr>
      <dsp:spPr>
        <a:xfrm>
          <a:off x="276687" y="2435019"/>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64BB5B6-8256-4829-AFBF-4EDC5B150B5B}">
      <dsp:nvSpPr>
        <dsp:cNvPr id="0" name=""/>
        <dsp:cNvSpPr/>
      </dsp:nvSpPr>
      <dsp:spPr>
        <a:xfrm>
          <a:off x="564204" y="2722536"/>
          <a:ext cx="794094" cy="79409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B18DC00-DC10-4430-8681-770A0119C0B1}">
      <dsp:nvSpPr>
        <dsp:cNvPr id="0" name=""/>
        <dsp:cNvSpPr/>
      </dsp:nvSpPr>
      <dsp:spPr>
        <a:xfrm>
          <a:off x="1939200" y="2435019"/>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933450">
            <a:lnSpc>
              <a:spcPct val="90000"/>
            </a:lnSpc>
            <a:spcBef>
              <a:spcPct val="0"/>
            </a:spcBef>
            <a:spcAft>
              <a:spcPct val="35000"/>
            </a:spcAft>
            <a:buNone/>
          </a:pPr>
          <a:r>
            <a:rPr lang="en-US" sz="2100" kern="1200"/>
            <a:t>Roughly $45 million in annual municipal tax revenue is tied to those areas</a:t>
          </a:r>
        </a:p>
      </dsp:txBody>
      <dsp:txXfrm>
        <a:off x="1939200" y="2435019"/>
        <a:ext cx="3227232" cy="1369128"/>
      </dsp:txXfrm>
    </dsp:sp>
    <dsp:sp modelId="{36E35F76-0107-40D4-948E-C46F47A6915D}">
      <dsp:nvSpPr>
        <dsp:cNvPr id="0" name=""/>
        <dsp:cNvSpPr/>
      </dsp:nvSpPr>
      <dsp:spPr>
        <a:xfrm>
          <a:off x="5728753" y="2435019"/>
          <a:ext cx="1369128" cy="1369128"/>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B1709C7-1BE4-41EA-A3C4-C0E375C2D02E}">
      <dsp:nvSpPr>
        <dsp:cNvPr id="0" name=""/>
        <dsp:cNvSpPr/>
      </dsp:nvSpPr>
      <dsp:spPr>
        <a:xfrm>
          <a:off x="6016270" y="2722536"/>
          <a:ext cx="794094" cy="794094"/>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E3D3330-AEBA-40B5-93A0-33CD59444122}">
      <dsp:nvSpPr>
        <dsp:cNvPr id="0" name=""/>
        <dsp:cNvSpPr/>
      </dsp:nvSpPr>
      <dsp:spPr>
        <a:xfrm>
          <a:off x="7391267" y="2435019"/>
          <a:ext cx="3227232" cy="136912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933450">
            <a:lnSpc>
              <a:spcPct val="90000"/>
            </a:lnSpc>
            <a:spcBef>
              <a:spcPct val="0"/>
            </a:spcBef>
            <a:spcAft>
              <a:spcPct val="35000"/>
            </a:spcAft>
            <a:buNone/>
          </a:pPr>
          <a:r>
            <a:rPr lang="en-US" sz="2100" kern="1200" dirty="0"/>
            <a:t>Flooding isn’t just a safety issue — it’s also a fiscal issue</a:t>
          </a:r>
        </a:p>
      </dsp:txBody>
      <dsp:txXfrm>
        <a:off x="7391267" y="2435019"/>
        <a:ext cx="3227232" cy="1369128"/>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4488B30-F35A-43FB-9102-82BF89F87CB5}">
      <dsp:nvSpPr>
        <dsp:cNvPr id="0" name=""/>
        <dsp:cNvSpPr/>
      </dsp:nvSpPr>
      <dsp:spPr>
        <a:xfrm>
          <a:off x="0" y="1727"/>
          <a:ext cx="10893600" cy="87539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E0596F8-6ED1-49C0-BF69-B1D44CAB2AB2}">
      <dsp:nvSpPr>
        <dsp:cNvPr id="0" name=""/>
        <dsp:cNvSpPr/>
      </dsp:nvSpPr>
      <dsp:spPr>
        <a:xfrm>
          <a:off x="264808" y="198692"/>
          <a:ext cx="481469" cy="48146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807EEF13-5111-4C10-BF80-0511A4164B0D}">
      <dsp:nvSpPr>
        <dsp:cNvPr id="0" name=""/>
        <dsp:cNvSpPr/>
      </dsp:nvSpPr>
      <dsp:spPr>
        <a:xfrm>
          <a:off x="1011085" y="1727"/>
          <a:ext cx="9882514" cy="8753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2646" tIns="92646" rIns="92646" bIns="92646" numCol="1" spcCol="1270" anchor="ctr" anchorCtr="0">
          <a:noAutofit/>
        </a:bodyPr>
        <a:lstStyle/>
        <a:p>
          <a:pPr marL="0" lvl="0" indent="0" algn="l" defTabSz="977900">
            <a:lnSpc>
              <a:spcPct val="90000"/>
            </a:lnSpc>
            <a:spcBef>
              <a:spcPct val="0"/>
            </a:spcBef>
            <a:spcAft>
              <a:spcPct val="35000"/>
            </a:spcAft>
            <a:buNone/>
          </a:pPr>
          <a:r>
            <a:rPr lang="en-US" sz="2200" kern="1200"/>
            <a:t>Flooding is the main hazard, but it doesn’t act alone</a:t>
          </a:r>
        </a:p>
      </dsp:txBody>
      <dsp:txXfrm>
        <a:off x="1011085" y="1727"/>
        <a:ext cx="9882514" cy="875399"/>
      </dsp:txXfrm>
    </dsp:sp>
    <dsp:sp modelId="{16452BB0-99BA-4CF5-A92A-D74823506F9C}">
      <dsp:nvSpPr>
        <dsp:cNvPr id="0" name=""/>
        <dsp:cNvSpPr/>
      </dsp:nvSpPr>
      <dsp:spPr>
        <a:xfrm>
          <a:off x="0" y="1095976"/>
          <a:ext cx="10893600" cy="87539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E43E6F5-566D-4AA0-82EE-879D08CB015C}">
      <dsp:nvSpPr>
        <dsp:cNvPr id="0" name=""/>
        <dsp:cNvSpPr/>
      </dsp:nvSpPr>
      <dsp:spPr>
        <a:xfrm>
          <a:off x="264808" y="1292940"/>
          <a:ext cx="481469" cy="48146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28E13BB4-C7DA-4C09-8A5F-5EFB234576F2}">
      <dsp:nvSpPr>
        <dsp:cNvPr id="0" name=""/>
        <dsp:cNvSpPr/>
      </dsp:nvSpPr>
      <dsp:spPr>
        <a:xfrm>
          <a:off x="1011085" y="1095976"/>
          <a:ext cx="9882514" cy="8753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2646" tIns="92646" rIns="92646" bIns="92646" numCol="1" spcCol="1270" anchor="ctr" anchorCtr="0">
          <a:noAutofit/>
        </a:bodyPr>
        <a:lstStyle/>
        <a:p>
          <a:pPr marL="0" lvl="0" indent="0" algn="l" defTabSz="977900">
            <a:lnSpc>
              <a:spcPct val="90000"/>
            </a:lnSpc>
            <a:spcBef>
              <a:spcPct val="0"/>
            </a:spcBef>
            <a:spcAft>
              <a:spcPct val="35000"/>
            </a:spcAft>
            <a:buNone/>
          </a:pPr>
          <a:r>
            <a:rPr lang="en-US" sz="2200" kern="1200"/>
            <a:t>It interacts with other climate stressors across the community</a:t>
          </a:r>
        </a:p>
      </dsp:txBody>
      <dsp:txXfrm>
        <a:off x="1011085" y="1095976"/>
        <a:ext cx="9882514" cy="875399"/>
      </dsp:txXfrm>
    </dsp:sp>
    <dsp:sp modelId="{EF2F8B94-1190-404B-A884-6E9EFF2DF002}">
      <dsp:nvSpPr>
        <dsp:cNvPr id="0" name=""/>
        <dsp:cNvSpPr/>
      </dsp:nvSpPr>
      <dsp:spPr>
        <a:xfrm>
          <a:off x="0" y="2190224"/>
          <a:ext cx="10893600" cy="87539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F70B598-15C3-4373-9A37-1690C8316557}">
      <dsp:nvSpPr>
        <dsp:cNvPr id="0" name=""/>
        <dsp:cNvSpPr/>
      </dsp:nvSpPr>
      <dsp:spPr>
        <a:xfrm>
          <a:off x="264808" y="2387189"/>
          <a:ext cx="481469" cy="48146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8896594-0C40-4B56-9AD5-B32669BCFB2A}">
      <dsp:nvSpPr>
        <dsp:cNvPr id="0" name=""/>
        <dsp:cNvSpPr/>
      </dsp:nvSpPr>
      <dsp:spPr>
        <a:xfrm>
          <a:off x="1011085" y="2190224"/>
          <a:ext cx="9882514" cy="8753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2646" tIns="92646" rIns="92646" bIns="92646" numCol="1" spcCol="1270" anchor="ctr" anchorCtr="0">
          <a:noAutofit/>
        </a:bodyPr>
        <a:lstStyle/>
        <a:p>
          <a:pPr marL="0" lvl="0" indent="0" algn="l" defTabSz="977900">
            <a:lnSpc>
              <a:spcPct val="90000"/>
            </a:lnSpc>
            <a:spcBef>
              <a:spcPct val="0"/>
            </a:spcBef>
            <a:spcAft>
              <a:spcPct val="35000"/>
            </a:spcAft>
            <a:buNone/>
          </a:pPr>
          <a:r>
            <a:rPr lang="en-US" sz="2200" kern="1200"/>
            <a:t>Extreme heat puts added strain on people and infrastructure</a:t>
          </a:r>
        </a:p>
      </dsp:txBody>
      <dsp:txXfrm>
        <a:off x="1011085" y="2190224"/>
        <a:ext cx="9882514" cy="875399"/>
      </dsp:txXfrm>
    </dsp:sp>
    <dsp:sp modelId="{46C676FB-C549-43C8-B719-C67F8B4F80F2}">
      <dsp:nvSpPr>
        <dsp:cNvPr id="0" name=""/>
        <dsp:cNvSpPr/>
      </dsp:nvSpPr>
      <dsp:spPr>
        <a:xfrm>
          <a:off x="0" y="3284473"/>
          <a:ext cx="10893600" cy="87539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FE73571-A3DD-4A08-AF3D-F6FCBFA5CDEC}">
      <dsp:nvSpPr>
        <dsp:cNvPr id="0" name=""/>
        <dsp:cNvSpPr/>
      </dsp:nvSpPr>
      <dsp:spPr>
        <a:xfrm>
          <a:off x="264808" y="3481438"/>
          <a:ext cx="481469" cy="481469"/>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C8E7F0C-630F-4885-85BE-6AEB17F010A4}">
      <dsp:nvSpPr>
        <dsp:cNvPr id="0" name=""/>
        <dsp:cNvSpPr/>
      </dsp:nvSpPr>
      <dsp:spPr>
        <a:xfrm>
          <a:off x="1011085" y="3284473"/>
          <a:ext cx="9882514" cy="8753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2646" tIns="92646" rIns="92646" bIns="92646" numCol="1" spcCol="1270" anchor="ctr" anchorCtr="0">
          <a:noAutofit/>
        </a:bodyPr>
        <a:lstStyle/>
        <a:p>
          <a:pPr marL="0" lvl="0" indent="0" algn="l" defTabSz="977900">
            <a:lnSpc>
              <a:spcPct val="90000"/>
            </a:lnSpc>
            <a:spcBef>
              <a:spcPct val="0"/>
            </a:spcBef>
            <a:spcAft>
              <a:spcPct val="35000"/>
            </a:spcAft>
            <a:buNone/>
          </a:pPr>
          <a:r>
            <a:rPr lang="en-US" sz="2200" kern="1200" dirty="0"/>
            <a:t>These risks tend to compound, not happen one at a time</a:t>
          </a:r>
        </a:p>
      </dsp:txBody>
      <dsp:txXfrm>
        <a:off x="1011085" y="3284473"/>
        <a:ext cx="9882514" cy="875399"/>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1DD4B89-F1D4-448D-ACAD-C6948463D8F9}">
      <dsp:nvSpPr>
        <dsp:cNvPr id="0" name=""/>
        <dsp:cNvSpPr/>
      </dsp:nvSpPr>
      <dsp:spPr>
        <a:xfrm>
          <a:off x="0" y="8141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Flood risk doesn’t affect everyone the same way</a:t>
          </a:r>
        </a:p>
      </dsp:txBody>
      <dsp:txXfrm>
        <a:off x="46491" y="127903"/>
        <a:ext cx="6172881" cy="859398"/>
      </dsp:txXfrm>
    </dsp:sp>
    <dsp:sp modelId="{1E54C712-93AA-4291-9B10-8D8E53C2F0AE}">
      <dsp:nvSpPr>
        <dsp:cNvPr id="0" name=""/>
        <dsp:cNvSpPr/>
      </dsp:nvSpPr>
      <dsp:spPr>
        <a:xfrm>
          <a:off x="0" y="109715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Overburdened Communities are often hit first and recover last</a:t>
          </a:r>
        </a:p>
      </dsp:txBody>
      <dsp:txXfrm>
        <a:off x="46491" y="1143643"/>
        <a:ext cx="6172881" cy="859398"/>
      </dsp:txXfrm>
    </dsp:sp>
    <dsp:sp modelId="{D3815D25-6E20-4201-87A8-8945542FDE98}">
      <dsp:nvSpPr>
        <dsp:cNvPr id="0" name=""/>
        <dsp:cNvSpPr/>
      </dsp:nvSpPr>
      <dsp:spPr>
        <a:xfrm>
          <a:off x="0" y="211289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Seniors, renters, and people with limited mobility face added challenges</a:t>
          </a:r>
        </a:p>
      </dsp:txBody>
      <dsp:txXfrm>
        <a:off x="46491" y="2159383"/>
        <a:ext cx="6172881" cy="859398"/>
      </dsp:txXfrm>
    </dsp:sp>
    <dsp:sp modelId="{6AA977C1-1343-463C-9537-A8990E6B62EE}">
      <dsp:nvSpPr>
        <dsp:cNvPr id="0" name=""/>
        <dsp:cNvSpPr/>
      </dsp:nvSpPr>
      <dsp:spPr>
        <a:xfrm>
          <a:off x="0" y="312863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Several critical facilities are also located in flood‑prone areas</a:t>
          </a:r>
        </a:p>
      </dsp:txBody>
      <dsp:txXfrm>
        <a:off x="46491" y="3175123"/>
        <a:ext cx="6172881" cy="859398"/>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9637466-ACD0-4778-834B-FDB82C9D8317}">
      <dsp:nvSpPr>
        <dsp:cNvPr id="0" name=""/>
        <dsp:cNvSpPr/>
      </dsp:nvSpPr>
      <dsp:spPr>
        <a:xfrm>
          <a:off x="0" y="8141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This amendment defines what needs to change in local planning</a:t>
          </a:r>
        </a:p>
      </dsp:txBody>
      <dsp:txXfrm>
        <a:off x="46491" y="127903"/>
        <a:ext cx="6172881" cy="859398"/>
      </dsp:txXfrm>
    </dsp:sp>
    <dsp:sp modelId="{0A58E74F-188E-4B0E-AA2B-03FFAFF6F3F2}">
      <dsp:nvSpPr>
        <dsp:cNvPr id="0" name=""/>
        <dsp:cNvSpPr/>
      </dsp:nvSpPr>
      <dsp:spPr>
        <a:xfrm>
          <a:off x="0" y="109715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It brings climate risk directly into land use decisions</a:t>
          </a:r>
        </a:p>
      </dsp:txBody>
      <dsp:txXfrm>
        <a:off x="46491" y="1143643"/>
        <a:ext cx="6172881" cy="859398"/>
      </dsp:txXfrm>
    </dsp:sp>
    <dsp:sp modelId="{187744BE-813C-4C28-BFA5-EA194CBDF572}">
      <dsp:nvSpPr>
        <dsp:cNvPr id="0" name=""/>
        <dsp:cNvSpPr/>
      </dsp:nvSpPr>
      <dsp:spPr>
        <a:xfrm>
          <a:off x="0" y="211289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dirty="0"/>
            <a:t>Recommends actions and policies to reflect new realities</a:t>
          </a:r>
        </a:p>
      </dsp:txBody>
      <dsp:txXfrm>
        <a:off x="46491" y="2159383"/>
        <a:ext cx="6172881" cy="859398"/>
      </dsp:txXfrm>
    </dsp:sp>
    <dsp:sp modelId="{096A2C23-B56A-46DC-BCE9-5987A781FBBB}">
      <dsp:nvSpPr>
        <dsp:cNvPr id="0" name=""/>
        <dsp:cNvSpPr/>
      </dsp:nvSpPr>
      <dsp:spPr>
        <a:xfrm>
          <a:off x="0" y="3128632"/>
          <a:ext cx="6265863" cy="952380"/>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Planning better aligns with state resilience goals</a:t>
          </a:r>
        </a:p>
      </dsp:txBody>
      <dsp:txXfrm>
        <a:off x="46491" y="3175123"/>
        <a:ext cx="6172881" cy="859398"/>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1A8DE02-BE3C-4D88-A5F9-2A2D8D276164}">
      <dsp:nvSpPr>
        <dsp:cNvPr id="0" name=""/>
        <dsp:cNvSpPr/>
      </dsp:nvSpPr>
      <dsp:spPr>
        <a:xfrm>
          <a:off x="0" y="1346"/>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07C0381-36DA-4D1A-8047-647AD0D71253}">
      <dsp:nvSpPr>
        <dsp:cNvPr id="0" name=""/>
        <dsp:cNvSpPr/>
      </dsp:nvSpPr>
      <dsp:spPr>
        <a:xfrm>
          <a:off x="173526" y="130415"/>
          <a:ext cx="315503" cy="315503"/>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45AE2862-B003-41BD-93F9-59E8C40084CE}">
      <dsp:nvSpPr>
        <dsp:cNvPr id="0" name=""/>
        <dsp:cNvSpPr/>
      </dsp:nvSpPr>
      <dsp:spPr>
        <a:xfrm>
          <a:off x="662556" y="1346"/>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a:t>Reduce flood risk to people and property</a:t>
          </a:r>
        </a:p>
      </dsp:txBody>
      <dsp:txXfrm>
        <a:off x="662556" y="1346"/>
        <a:ext cx="10231043" cy="573642"/>
      </dsp:txXfrm>
    </dsp:sp>
    <dsp:sp modelId="{83642E39-2133-4C05-9074-F5041A23CACE}">
      <dsp:nvSpPr>
        <dsp:cNvPr id="0" name=""/>
        <dsp:cNvSpPr/>
      </dsp:nvSpPr>
      <dsp:spPr>
        <a:xfrm>
          <a:off x="0" y="718399"/>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7C9942F-DCE7-4F5A-A485-599F9F5F7717}">
      <dsp:nvSpPr>
        <dsp:cNvPr id="0" name=""/>
        <dsp:cNvSpPr/>
      </dsp:nvSpPr>
      <dsp:spPr>
        <a:xfrm>
          <a:off x="173526" y="847468"/>
          <a:ext cx="315503" cy="315503"/>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67024DB7-27BE-4FE0-A3FC-EA9B2F05F71B}">
      <dsp:nvSpPr>
        <dsp:cNvPr id="0" name=""/>
        <dsp:cNvSpPr/>
      </dsp:nvSpPr>
      <dsp:spPr>
        <a:xfrm>
          <a:off x="662556" y="718399"/>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a:t>Address extreme heat impacts</a:t>
          </a:r>
        </a:p>
      </dsp:txBody>
      <dsp:txXfrm>
        <a:off x="662556" y="718399"/>
        <a:ext cx="10231043" cy="573642"/>
      </dsp:txXfrm>
    </dsp:sp>
    <dsp:sp modelId="{E1C6806F-DE5C-449B-A473-BB07E9636654}">
      <dsp:nvSpPr>
        <dsp:cNvPr id="0" name=""/>
        <dsp:cNvSpPr/>
      </dsp:nvSpPr>
      <dsp:spPr>
        <a:xfrm>
          <a:off x="0" y="1435452"/>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8A6F68D-D153-46D4-B96A-B35F5275226B}">
      <dsp:nvSpPr>
        <dsp:cNvPr id="0" name=""/>
        <dsp:cNvSpPr/>
      </dsp:nvSpPr>
      <dsp:spPr>
        <a:xfrm>
          <a:off x="173526" y="1564521"/>
          <a:ext cx="315503" cy="315503"/>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AC10440C-0CBA-4ABE-81B0-7B650F4505AC}">
      <dsp:nvSpPr>
        <dsp:cNvPr id="0" name=""/>
        <dsp:cNvSpPr/>
      </dsp:nvSpPr>
      <dsp:spPr>
        <a:xfrm>
          <a:off x="662556" y="1435452"/>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a:t>Protect critical infrastructure</a:t>
          </a:r>
        </a:p>
      </dsp:txBody>
      <dsp:txXfrm>
        <a:off x="662556" y="1435452"/>
        <a:ext cx="10231043" cy="573642"/>
      </dsp:txXfrm>
    </dsp:sp>
    <dsp:sp modelId="{B4F70C6A-10F2-47F8-BE46-71067701386A}">
      <dsp:nvSpPr>
        <dsp:cNvPr id="0" name=""/>
        <dsp:cNvSpPr/>
      </dsp:nvSpPr>
      <dsp:spPr>
        <a:xfrm>
          <a:off x="0" y="2152505"/>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F9B382B-A4D0-4FEB-86E1-AC98153A67E5}">
      <dsp:nvSpPr>
        <dsp:cNvPr id="0" name=""/>
        <dsp:cNvSpPr/>
      </dsp:nvSpPr>
      <dsp:spPr>
        <a:xfrm>
          <a:off x="173526" y="2281574"/>
          <a:ext cx="315503" cy="315503"/>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240E2E1B-7814-4AD1-917C-3D4BDBE44940}">
      <dsp:nvSpPr>
        <dsp:cNvPr id="0" name=""/>
        <dsp:cNvSpPr/>
      </dsp:nvSpPr>
      <dsp:spPr>
        <a:xfrm>
          <a:off x="662556" y="2152505"/>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a:t>Advance equity in resilience investments</a:t>
          </a:r>
        </a:p>
      </dsp:txBody>
      <dsp:txXfrm>
        <a:off x="662556" y="2152505"/>
        <a:ext cx="10231043" cy="573642"/>
      </dsp:txXfrm>
    </dsp:sp>
    <dsp:sp modelId="{45D330D6-B404-47AF-B1D3-B8455D7BCC06}">
      <dsp:nvSpPr>
        <dsp:cNvPr id="0" name=""/>
        <dsp:cNvSpPr/>
      </dsp:nvSpPr>
      <dsp:spPr>
        <a:xfrm>
          <a:off x="0" y="2869558"/>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B29D8AD-4383-4011-BDEB-3584C8D3E14C}">
      <dsp:nvSpPr>
        <dsp:cNvPr id="0" name=""/>
        <dsp:cNvSpPr/>
      </dsp:nvSpPr>
      <dsp:spPr>
        <a:xfrm>
          <a:off x="173526" y="2998627"/>
          <a:ext cx="315503" cy="315503"/>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C2DFE2A-A8D0-4BB1-BC9B-BE2907654F93}">
      <dsp:nvSpPr>
        <dsp:cNvPr id="0" name=""/>
        <dsp:cNvSpPr/>
      </dsp:nvSpPr>
      <dsp:spPr>
        <a:xfrm>
          <a:off x="662556" y="2869558"/>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a:t>Strengthen municipal systems long‑term</a:t>
          </a:r>
        </a:p>
      </dsp:txBody>
      <dsp:txXfrm>
        <a:off x="662556" y="2869558"/>
        <a:ext cx="10231043" cy="573642"/>
      </dsp:txXfrm>
    </dsp:sp>
    <dsp:sp modelId="{A33A7EF2-44DA-49C1-A10E-6AA5DE06F2E9}">
      <dsp:nvSpPr>
        <dsp:cNvPr id="0" name=""/>
        <dsp:cNvSpPr/>
      </dsp:nvSpPr>
      <dsp:spPr>
        <a:xfrm>
          <a:off x="0" y="3586611"/>
          <a:ext cx="10893600" cy="57364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1D4CE24-CFE9-43E1-A372-951244FFA188}">
      <dsp:nvSpPr>
        <dsp:cNvPr id="0" name=""/>
        <dsp:cNvSpPr/>
      </dsp:nvSpPr>
      <dsp:spPr>
        <a:xfrm>
          <a:off x="173526" y="3715680"/>
          <a:ext cx="315503" cy="315503"/>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EA723F1C-4B4A-4ADD-948E-66D6AE53838C}">
      <dsp:nvSpPr>
        <dsp:cNvPr id="0" name=""/>
        <dsp:cNvSpPr/>
      </dsp:nvSpPr>
      <dsp:spPr>
        <a:xfrm>
          <a:off x="662556" y="3586611"/>
          <a:ext cx="10231043" cy="57364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710" tIns="60710" rIns="60710" bIns="60710" numCol="1" spcCol="1270" anchor="ctr" anchorCtr="0">
          <a:noAutofit/>
        </a:bodyPr>
        <a:lstStyle/>
        <a:p>
          <a:pPr marL="0" lvl="0" indent="0" algn="l" defTabSz="844550">
            <a:lnSpc>
              <a:spcPct val="90000"/>
            </a:lnSpc>
            <a:spcBef>
              <a:spcPct val="0"/>
            </a:spcBef>
            <a:spcAft>
              <a:spcPct val="35000"/>
            </a:spcAft>
            <a:buNone/>
          </a:pPr>
          <a:r>
            <a:rPr lang="en-US" sz="1900" kern="1200" dirty="0"/>
            <a:t>**Education</a:t>
          </a:r>
        </a:p>
      </dsp:txBody>
      <dsp:txXfrm>
        <a:off x="662556" y="3586611"/>
        <a:ext cx="10231043" cy="573642"/>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C1FB875-E646-4972-8E67-624508D99364}">
      <dsp:nvSpPr>
        <dsp:cNvPr id="0" name=""/>
        <dsp:cNvSpPr/>
      </dsp:nvSpPr>
      <dsp:spPr>
        <a:xfrm>
          <a:off x="550824" y="773833"/>
          <a:ext cx="1444754" cy="1444754"/>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823B2B3-A682-419F-87A0-722A2CDBE641}">
      <dsp:nvSpPr>
        <dsp:cNvPr id="0" name=""/>
        <dsp:cNvSpPr/>
      </dsp:nvSpPr>
      <dsp:spPr>
        <a:xfrm>
          <a:off x="858723" y="1081731"/>
          <a:ext cx="828957" cy="828957"/>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C0174355-1ECD-4C9A-A618-4AF12F45FF66}">
      <dsp:nvSpPr>
        <dsp:cNvPr id="0" name=""/>
        <dsp:cNvSpPr/>
      </dsp:nvSpPr>
      <dsp:spPr>
        <a:xfrm>
          <a:off x="88977" y="2668592"/>
          <a:ext cx="2368449"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defRPr cap="all"/>
          </a:pPr>
          <a:r>
            <a:rPr lang="en-US" sz="1200" kern="1200"/>
            <a:t>Ida created a shared point of reference for risk</a:t>
          </a:r>
        </a:p>
      </dsp:txBody>
      <dsp:txXfrm>
        <a:off x="88977" y="2668592"/>
        <a:ext cx="2368449" cy="720000"/>
      </dsp:txXfrm>
    </dsp:sp>
    <dsp:sp modelId="{9AA4CA80-E35B-4679-8244-11BBC1B47BF3}">
      <dsp:nvSpPr>
        <dsp:cNvPr id="0" name=""/>
        <dsp:cNvSpPr/>
      </dsp:nvSpPr>
      <dsp:spPr>
        <a:xfrm>
          <a:off x="3333752" y="773833"/>
          <a:ext cx="1444754" cy="1444754"/>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1C32330-936B-46B8-A11C-171A621DF6BD}">
      <dsp:nvSpPr>
        <dsp:cNvPr id="0" name=""/>
        <dsp:cNvSpPr/>
      </dsp:nvSpPr>
      <dsp:spPr>
        <a:xfrm>
          <a:off x="3641650" y="1081731"/>
          <a:ext cx="828957" cy="828957"/>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D2BB6A7-A25D-4EA8-B45D-1801C6B193DE}">
      <dsp:nvSpPr>
        <dsp:cNvPr id="0" name=""/>
        <dsp:cNvSpPr/>
      </dsp:nvSpPr>
      <dsp:spPr>
        <a:xfrm>
          <a:off x="2871905" y="2668592"/>
          <a:ext cx="2368449"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defRPr cap="all"/>
          </a:pPr>
          <a:r>
            <a:rPr lang="en-US" sz="1200" kern="1200"/>
            <a:t>Data helped, but experience drove urgency</a:t>
          </a:r>
        </a:p>
      </dsp:txBody>
      <dsp:txXfrm>
        <a:off x="2871905" y="2668592"/>
        <a:ext cx="2368449" cy="720000"/>
      </dsp:txXfrm>
    </dsp:sp>
    <dsp:sp modelId="{BDE41B09-E5AB-428A-8C37-4A76B5E309D0}">
      <dsp:nvSpPr>
        <dsp:cNvPr id="0" name=""/>
        <dsp:cNvSpPr/>
      </dsp:nvSpPr>
      <dsp:spPr>
        <a:xfrm>
          <a:off x="6116680" y="773833"/>
          <a:ext cx="1444754" cy="1444754"/>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59067EA-368B-4D2D-BB60-67682103EFFA}">
      <dsp:nvSpPr>
        <dsp:cNvPr id="0" name=""/>
        <dsp:cNvSpPr/>
      </dsp:nvSpPr>
      <dsp:spPr>
        <a:xfrm>
          <a:off x="6424578" y="1081731"/>
          <a:ext cx="828957" cy="828957"/>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120581F-BAE0-47B4-A1C2-37758CE615C3}">
      <dsp:nvSpPr>
        <dsp:cNvPr id="0" name=""/>
        <dsp:cNvSpPr/>
      </dsp:nvSpPr>
      <dsp:spPr>
        <a:xfrm>
          <a:off x="5654832" y="2668592"/>
          <a:ext cx="2368449"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defRPr cap="all"/>
          </a:pPr>
          <a:r>
            <a:rPr lang="en-US" sz="1200" kern="1200"/>
            <a:t>Planning connected directly to implementation and funding</a:t>
          </a:r>
        </a:p>
      </dsp:txBody>
      <dsp:txXfrm>
        <a:off x="5654832" y="2668592"/>
        <a:ext cx="2368449" cy="720000"/>
      </dsp:txXfrm>
    </dsp:sp>
    <dsp:sp modelId="{7C96BDD1-36C3-4147-A1B9-0871D4E7127C}">
      <dsp:nvSpPr>
        <dsp:cNvPr id="0" name=""/>
        <dsp:cNvSpPr/>
      </dsp:nvSpPr>
      <dsp:spPr>
        <a:xfrm>
          <a:off x="8899608" y="773833"/>
          <a:ext cx="1444754" cy="1444754"/>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C1B18F1-1955-4575-B458-28A39CF93371}">
      <dsp:nvSpPr>
        <dsp:cNvPr id="0" name=""/>
        <dsp:cNvSpPr/>
      </dsp:nvSpPr>
      <dsp:spPr>
        <a:xfrm>
          <a:off x="9207506" y="1081731"/>
          <a:ext cx="828957" cy="828957"/>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AFCED3EE-EEEC-42CC-898D-1B7A143B20E3}">
      <dsp:nvSpPr>
        <dsp:cNvPr id="0" name=""/>
        <dsp:cNvSpPr/>
      </dsp:nvSpPr>
      <dsp:spPr>
        <a:xfrm>
          <a:off x="8437760" y="2668592"/>
          <a:ext cx="2368449"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defRPr cap="all"/>
          </a:pPr>
          <a:r>
            <a:rPr lang="en-US" sz="1200" kern="1200"/>
            <a:t>Importance of education and communication</a:t>
          </a:r>
        </a:p>
      </dsp:txBody>
      <dsp:txXfrm>
        <a:off x="8437760" y="2668592"/>
        <a:ext cx="2368449" cy="720000"/>
      </dsp:txXfrm>
    </dsp:sp>
  </dsp:spTree>
</dsp:drawing>
</file>

<file path=ppt/diagrams/layout1.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4.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6.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7.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8.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9.xml><?xml version="1.0" encoding="utf-8"?>
<dgm:layoutDef xmlns:dgm="http://schemas.openxmlformats.org/drawingml/2006/diagram" xmlns:a="http://schemas.openxmlformats.org/drawingml/2006/main" uniqueId="urn:microsoft.com/office/officeart/2018/5/layout/IconCircleLabelList">
  <dgm:title val="Icon Circle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4"/>
          <dgm:constr type="h" for="des" forName="compNode" op="equ"/>
          <dgm:constr type="h" for="des" forName="textRect" op="equ"/>
        </dgm:constrLst>
      </dgm:if>
      <dgm:if name="Name5" axis="ch" ptType="node" func="cnt" op="lte" val="3">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0"/>
          <dgm:constr type="h" for="des" forName="compNode" op="equ"/>
          <dgm:constr type="h" for="des" forName="textRect" op="equ"/>
        </dgm:constrLst>
      </dgm:if>
      <dgm:if name="Name6"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2"/>
          <dgm:constr type="h" for="des" forName="compNode" op="equ"/>
          <dgm:constr type="h" for="des" forName="textRect" op="equ"/>
        </dgm:constrLst>
      </dgm:if>
      <dgm:else name="Name7">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8" axis="ch" ptType="node">
      <dgm:layoutNode name="compNode">
        <dgm:alg type="composite"/>
        <dgm:shape xmlns:r="http://schemas.openxmlformats.org/officeDocument/2006/relationships" r:blip="">
          <dgm:adjLst/>
        </dgm:shape>
        <dgm:presOf axis="self"/>
        <dgm:constrLst>
          <dgm:constr type="w" for="ch" forName="iconBgRect" refType="w" fact="0.61"/>
          <dgm:constr type="h" for="ch" forName="iconBgRect" refType="w" refFor="ch" refForName="iconBgRect"/>
          <dgm:constr type="t" for="ch" forName="iconBgRect"/>
          <dgm:constr type="ctrX" for="ch" forName="iconBgRect" refType="w" fact="0.5"/>
          <dgm:constr type="w" for="ch" forName="iconRect" refType="w" fact="0.35"/>
          <dgm:constr type="h" for="ch" forName="iconRect" refType="w" refFor="ch" refForName="iconRect"/>
          <dgm:constr type="ctrX" for="ch" forName="iconRect" refType="ctrX" refFor="ch" refForName="iconBgRect"/>
          <dgm:constr type="ctrY" for="ch" forName="iconRect" refType="ctrY" refFor="ch" refForName="iconBgRect"/>
          <dgm:constr type="h" for="ch" forName="spaceRect" refType="w" fact="0.19"/>
          <dgm:constr type="w" for="ch" forName="spaceRect" refType="w"/>
          <dgm:constr type="l" for="ch" forName="spaceRect"/>
          <dgm:constr type="t" for="ch" forName="spaceRect" refType="b" refFor="ch" refForName="iconBg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9"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cap="all"/>
        </a:lvl1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5/03/2026</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5/03/2026</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66710658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17708687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4</a:t>
            </a:fld>
            <a:endParaRPr lang="en-GB"/>
          </a:p>
        </p:txBody>
      </p:sp>
    </p:spTree>
    <p:extLst>
      <p:ext uri="{BB962C8B-B14F-4D97-AF65-F5344CB8AC3E}">
        <p14:creationId xmlns:p14="http://schemas.microsoft.com/office/powerpoint/2010/main" val="190944931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5</a:t>
            </a:fld>
            <a:endParaRPr lang="en-GB"/>
          </a:p>
        </p:txBody>
      </p:sp>
    </p:spTree>
    <p:extLst>
      <p:ext uri="{BB962C8B-B14F-4D97-AF65-F5344CB8AC3E}">
        <p14:creationId xmlns:p14="http://schemas.microsoft.com/office/powerpoint/2010/main" val="329538634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a:pPr/>
              <a:t>16</a:t>
            </a:fld>
            <a:endParaRPr lang="en-US" dirty="0"/>
          </a:p>
        </p:txBody>
      </p:sp>
    </p:spTree>
    <p:extLst>
      <p:ext uri="{BB962C8B-B14F-4D97-AF65-F5344CB8AC3E}">
        <p14:creationId xmlns:p14="http://schemas.microsoft.com/office/powerpoint/2010/main" val="3640500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237748004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52170152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a:p>
        </p:txBody>
      </p:sp>
    </p:spTree>
    <p:extLst>
      <p:ext uri="{BB962C8B-B14F-4D97-AF65-F5344CB8AC3E}">
        <p14:creationId xmlns:p14="http://schemas.microsoft.com/office/powerpoint/2010/main" val="275614163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98832848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7035882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48938995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08380854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a:p>
        </p:txBody>
      </p:sp>
    </p:spTree>
    <p:extLst>
      <p:ext uri="{BB962C8B-B14F-4D97-AF65-F5344CB8AC3E}">
        <p14:creationId xmlns:p14="http://schemas.microsoft.com/office/powerpoint/2010/main" val="45556200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A">
    <p:bg>
      <p:bgPr>
        <a:solidFill>
          <a:schemeClr val="bg1"/>
        </a:solidFill>
        <a:effectLst/>
      </p:bgPr>
    </p:bg>
    <p:spTree>
      <p:nvGrpSpPr>
        <p:cNvPr id="1" name=""/>
        <p:cNvGrpSpPr/>
        <p:nvPr/>
      </p:nvGrpSpPr>
      <p:grpSpPr>
        <a:xfrm>
          <a:off x="0" y="0"/>
          <a:ext cx="0" cy="0"/>
          <a:chOff x="0" y="0"/>
          <a:chExt cx="0" cy="0"/>
        </a:xfrm>
      </p:grpSpPr>
      <p:sp>
        <p:nvSpPr>
          <p:cNvPr id="64" name="Rectangle 63">
            <a:extLst>
              <a:ext uri="{FF2B5EF4-FFF2-40B4-BE49-F238E27FC236}">
                <a16:creationId xmlns:a16="http://schemas.microsoft.com/office/drawing/2014/main" id="{6CC0CB51-850E-490E-BD22-612B894EB736}"/>
              </a:ext>
            </a:extLst>
          </p:cNvPr>
          <p:cNvSpPr/>
          <p:nvPr userDrawn="1"/>
        </p:nvSpPr>
        <p:spPr>
          <a:xfrm>
            <a:off x="8764588" y="203200"/>
            <a:ext cx="3332162" cy="12001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0" name="Picture Placeholder 49">
            <a:extLst>
              <a:ext uri="{FF2B5EF4-FFF2-40B4-BE49-F238E27FC236}">
                <a16:creationId xmlns:a16="http://schemas.microsoft.com/office/drawing/2014/main" id="{3EE3E92B-4DBC-4EBF-8866-DCBAD334DCD9}"/>
              </a:ext>
            </a:extLst>
          </p:cNvPr>
          <p:cNvSpPr>
            <a:spLocks noGrp="1"/>
          </p:cNvSpPr>
          <p:nvPr>
            <p:ph type="pic" sz="quarter" idx="13" hasCustomPrompt="1"/>
          </p:nvPr>
        </p:nvSpPr>
        <p:spPr>
          <a:xfrm>
            <a:off x="5" y="4"/>
            <a:ext cx="12191996" cy="6857997"/>
          </a:xfrm>
          <a:custGeom>
            <a:avLst/>
            <a:gdLst>
              <a:gd name="connsiteX0" fmla="*/ 315784 w 12191996"/>
              <a:gd name="connsiteY0" fmla="*/ 5769765 h 6857997"/>
              <a:gd name="connsiteX1" fmla="*/ 315784 w 12191996"/>
              <a:gd name="connsiteY1" fmla="*/ 6543765 h 6857997"/>
              <a:gd name="connsiteX2" fmla="*/ 320399 w 12191996"/>
              <a:gd name="connsiteY2" fmla="*/ 6543765 h 6857997"/>
              <a:gd name="connsiteX3" fmla="*/ 320399 w 12191996"/>
              <a:gd name="connsiteY3" fmla="*/ 6544696 h 6857997"/>
              <a:gd name="connsiteX4" fmla="*/ 608399 w 12191996"/>
              <a:gd name="connsiteY4" fmla="*/ 6544696 h 6857997"/>
              <a:gd name="connsiteX5" fmla="*/ 608399 w 12191996"/>
              <a:gd name="connsiteY5" fmla="*/ 6530296 h 6857997"/>
              <a:gd name="connsiteX6" fmla="*/ 330184 w 12191996"/>
              <a:gd name="connsiteY6" fmla="*/ 6530296 h 6857997"/>
              <a:gd name="connsiteX7" fmla="*/ 330184 w 12191996"/>
              <a:gd name="connsiteY7" fmla="*/ 5769765 h 6857997"/>
              <a:gd name="connsiteX8" fmla="*/ 11247909 w 12191996"/>
              <a:gd name="connsiteY8" fmla="*/ 918989 h 6857997"/>
              <a:gd name="connsiteX9" fmla="*/ 11275376 w 12191996"/>
              <a:gd name="connsiteY9" fmla="*/ 918989 h 6857997"/>
              <a:gd name="connsiteX10" fmla="*/ 11303722 w 12191996"/>
              <a:gd name="connsiteY10" fmla="*/ 923705 h 6857997"/>
              <a:gd name="connsiteX11" fmla="*/ 11311248 w 12191996"/>
              <a:gd name="connsiteY11" fmla="*/ 940595 h 6857997"/>
              <a:gd name="connsiteX12" fmla="*/ 11297459 w 12191996"/>
              <a:gd name="connsiteY12" fmla="*/ 963737 h 6857997"/>
              <a:gd name="connsiteX13" fmla="*/ 11255160 w 12191996"/>
              <a:gd name="connsiteY13" fmla="*/ 972237 h 6857997"/>
              <a:gd name="connsiteX14" fmla="*/ 11225716 w 12191996"/>
              <a:gd name="connsiteY14" fmla="*/ 965986 h 6857997"/>
              <a:gd name="connsiteX15" fmla="*/ 11215499 w 12191996"/>
              <a:gd name="connsiteY15" fmla="*/ 947560 h 6857997"/>
              <a:gd name="connsiteX16" fmla="*/ 11215609 w 12191996"/>
              <a:gd name="connsiteY16" fmla="*/ 947560 h 6857997"/>
              <a:gd name="connsiteX17" fmla="*/ 11223794 w 12191996"/>
              <a:gd name="connsiteY17" fmla="*/ 926392 h 6857997"/>
              <a:gd name="connsiteX18" fmla="*/ 11247909 w 12191996"/>
              <a:gd name="connsiteY18" fmla="*/ 918989 h 6857997"/>
              <a:gd name="connsiteX19" fmla="*/ 10417920 w 12191996"/>
              <a:gd name="connsiteY19" fmla="*/ 825763 h 6857997"/>
              <a:gd name="connsiteX20" fmla="*/ 10478072 w 12191996"/>
              <a:gd name="connsiteY20" fmla="*/ 883782 h 6857997"/>
              <a:gd name="connsiteX21" fmla="*/ 10423139 w 12191996"/>
              <a:gd name="connsiteY21" fmla="*/ 904786 h 6857997"/>
              <a:gd name="connsiteX22" fmla="*/ 10394738 w 12191996"/>
              <a:gd name="connsiteY22" fmla="*/ 895353 h 6857997"/>
              <a:gd name="connsiteX23" fmla="*/ 10384136 w 12191996"/>
              <a:gd name="connsiteY23" fmla="*/ 870018 h 6857997"/>
              <a:gd name="connsiteX24" fmla="*/ 10387157 w 12191996"/>
              <a:gd name="connsiteY24" fmla="*/ 854169 h 6857997"/>
              <a:gd name="connsiteX25" fmla="*/ 10396441 w 12191996"/>
              <a:gd name="connsiteY25" fmla="*/ 841118 h 6857997"/>
              <a:gd name="connsiteX26" fmla="*/ 10417920 w 12191996"/>
              <a:gd name="connsiteY26" fmla="*/ 825763 h 6857997"/>
              <a:gd name="connsiteX27" fmla="*/ 10907926 w 12191996"/>
              <a:gd name="connsiteY27" fmla="*/ 788965 h 6857997"/>
              <a:gd name="connsiteX28" fmla="*/ 10935448 w 12191996"/>
              <a:gd name="connsiteY28" fmla="*/ 800317 h 6857997"/>
              <a:gd name="connsiteX29" fmla="*/ 10945006 w 12191996"/>
              <a:gd name="connsiteY29" fmla="*/ 833221 h 6857997"/>
              <a:gd name="connsiteX30" fmla="*/ 10866452 w 12191996"/>
              <a:gd name="connsiteY30" fmla="*/ 833221 h 6857997"/>
              <a:gd name="connsiteX31" fmla="*/ 10879141 w 12191996"/>
              <a:gd name="connsiteY31" fmla="*/ 800755 h 6857997"/>
              <a:gd name="connsiteX32" fmla="*/ 10907926 w 12191996"/>
              <a:gd name="connsiteY32" fmla="*/ 788965 h 6857997"/>
              <a:gd name="connsiteX33" fmla="*/ 11261038 w 12191996"/>
              <a:gd name="connsiteY33" fmla="*/ 786552 h 6857997"/>
              <a:gd name="connsiteX34" fmla="*/ 11294658 w 12191996"/>
              <a:gd name="connsiteY34" fmla="*/ 820278 h 6857997"/>
              <a:gd name="connsiteX35" fmla="*/ 11261423 w 12191996"/>
              <a:gd name="connsiteY35" fmla="*/ 852469 h 6857997"/>
              <a:gd name="connsiteX36" fmla="*/ 11236703 w 12191996"/>
              <a:gd name="connsiteY36" fmla="*/ 844462 h 6857997"/>
              <a:gd name="connsiteX37" fmla="*/ 11227804 w 12191996"/>
              <a:gd name="connsiteY37" fmla="*/ 820662 h 6857997"/>
              <a:gd name="connsiteX38" fmla="*/ 11227914 w 12191996"/>
              <a:gd name="connsiteY38" fmla="*/ 820662 h 6857997"/>
              <a:gd name="connsiteX39" fmla="*/ 11236428 w 12191996"/>
              <a:gd name="connsiteY39" fmla="*/ 795162 h 6857997"/>
              <a:gd name="connsiteX40" fmla="*/ 11261038 w 12191996"/>
              <a:gd name="connsiteY40" fmla="*/ 786552 h 6857997"/>
              <a:gd name="connsiteX41" fmla="*/ 11141559 w 12191996"/>
              <a:gd name="connsiteY41" fmla="*/ 772733 h 6857997"/>
              <a:gd name="connsiteX42" fmla="*/ 11141559 w 12191996"/>
              <a:gd name="connsiteY42" fmla="*/ 922389 h 6857997"/>
              <a:gd name="connsiteX43" fmla="*/ 11164301 w 12191996"/>
              <a:gd name="connsiteY43" fmla="*/ 922389 h 6857997"/>
              <a:gd name="connsiteX44" fmla="*/ 11164301 w 12191996"/>
              <a:gd name="connsiteY44" fmla="*/ 772733 h 6857997"/>
              <a:gd name="connsiteX45" fmla="*/ 11054104 w 12191996"/>
              <a:gd name="connsiteY45" fmla="*/ 770155 h 6857997"/>
              <a:gd name="connsiteX46" fmla="*/ 11013179 w 12191996"/>
              <a:gd name="connsiteY46" fmla="*/ 780739 h 6857997"/>
              <a:gd name="connsiteX47" fmla="*/ 10998292 w 12191996"/>
              <a:gd name="connsiteY47" fmla="*/ 809639 h 6857997"/>
              <a:gd name="connsiteX48" fmla="*/ 11002577 w 12191996"/>
              <a:gd name="connsiteY48" fmla="*/ 827243 h 6857997"/>
              <a:gd name="connsiteX49" fmla="*/ 11015761 w 12191996"/>
              <a:gd name="connsiteY49" fmla="*/ 840459 h 6857997"/>
              <a:gd name="connsiteX50" fmla="*/ 11045480 w 12191996"/>
              <a:gd name="connsiteY50" fmla="*/ 854004 h 6857997"/>
              <a:gd name="connsiteX51" fmla="*/ 11075089 w 12191996"/>
              <a:gd name="connsiteY51" fmla="*/ 868701 h 6857997"/>
              <a:gd name="connsiteX52" fmla="*/ 11080051 w 12191996"/>
              <a:gd name="connsiteY52" fmla="*/ 874300 h 6857997"/>
              <a:gd name="connsiteX53" fmla="*/ 11073112 w 12191996"/>
              <a:gd name="connsiteY53" fmla="*/ 900946 h 6857997"/>
              <a:gd name="connsiteX54" fmla="*/ 11045645 w 12191996"/>
              <a:gd name="connsiteY54" fmla="*/ 906430 h 6857997"/>
              <a:gd name="connsiteX55" fmla="*/ 11021804 w 12191996"/>
              <a:gd name="connsiteY55" fmla="*/ 903304 h 6857997"/>
              <a:gd name="connsiteX56" fmla="*/ 10998622 w 12191996"/>
              <a:gd name="connsiteY56" fmla="*/ 894695 h 6857997"/>
              <a:gd name="connsiteX57" fmla="*/ 10998622 w 12191996"/>
              <a:gd name="connsiteY57" fmla="*/ 915698 h 6857997"/>
              <a:gd name="connsiteX58" fmla="*/ 11045095 w 12191996"/>
              <a:gd name="connsiteY58" fmla="*/ 925130 h 6857997"/>
              <a:gd name="connsiteX59" fmla="*/ 11089042 w 12191996"/>
              <a:gd name="connsiteY59" fmla="*/ 913833 h 6857997"/>
              <a:gd name="connsiteX60" fmla="*/ 11104643 w 12191996"/>
              <a:gd name="connsiteY60" fmla="*/ 881588 h 6857997"/>
              <a:gd name="connsiteX61" fmla="*/ 11095140 w 12191996"/>
              <a:gd name="connsiteY61" fmla="*/ 856801 h 6857997"/>
              <a:gd name="connsiteX62" fmla="*/ 11059103 w 12191996"/>
              <a:gd name="connsiteY62" fmla="*/ 837278 h 6857997"/>
              <a:gd name="connsiteX63" fmla="*/ 11032845 w 12191996"/>
              <a:gd name="connsiteY63" fmla="*/ 826310 h 6857997"/>
              <a:gd name="connsiteX64" fmla="*/ 11022957 w 12191996"/>
              <a:gd name="connsiteY64" fmla="*/ 818249 h 6857997"/>
              <a:gd name="connsiteX65" fmla="*/ 11019826 w 12191996"/>
              <a:gd name="connsiteY65" fmla="*/ 808049 h 6857997"/>
              <a:gd name="connsiteX66" fmla="*/ 11028066 w 12191996"/>
              <a:gd name="connsiteY66" fmla="*/ 794120 h 6857997"/>
              <a:gd name="connsiteX67" fmla="*/ 11052402 w 12191996"/>
              <a:gd name="connsiteY67" fmla="*/ 789020 h 6857997"/>
              <a:gd name="connsiteX68" fmla="*/ 11093327 w 12191996"/>
              <a:gd name="connsiteY68" fmla="*/ 798342 h 6857997"/>
              <a:gd name="connsiteX69" fmla="*/ 11101457 w 12191996"/>
              <a:gd name="connsiteY69" fmla="*/ 780026 h 6857997"/>
              <a:gd name="connsiteX70" fmla="*/ 11054104 w 12191996"/>
              <a:gd name="connsiteY70" fmla="*/ 770155 h 6857997"/>
              <a:gd name="connsiteX71" fmla="*/ 10908201 w 12191996"/>
              <a:gd name="connsiteY71" fmla="*/ 769991 h 6857997"/>
              <a:gd name="connsiteX72" fmla="*/ 10860244 w 12191996"/>
              <a:gd name="connsiteY72" fmla="*/ 791323 h 6857997"/>
              <a:gd name="connsiteX73" fmla="*/ 10842391 w 12191996"/>
              <a:gd name="connsiteY73" fmla="*/ 848794 h 6857997"/>
              <a:gd name="connsiteX74" fmla="*/ 10861618 w 12191996"/>
              <a:gd name="connsiteY74" fmla="*/ 904950 h 6857997"/>
              <a:gd name="connsiteX75" fmla="*/ 10914079 w 12191996"/>
              <a:gd name="connsiteY75" fmla="*/ 925130 h 6857997"/>
              <a:gd name="connsiteX76" fmla="*/ 10940007 w 12191996"/>
              <a:gd name="connsiteY76" fmla="*/ 922882 h 6857997"/>
              <a:gd name="connsiteX77" fmla="*/ 10962805 w 12191996"/>
              <a:gd name="connsiteY77" fmla="*/ 915479 h 6857997"/>
              <a:gd name="connsiteX78" fmla="*/ 10962805 w 12191996"/>
              <a:gd name="connsiteY78" fmla="*/ 895243 h 6857997"/>
              <a:gd name="connsiteX79" fmla="*/ 10914903 w 12191996"/>
              <a:gd name="connsiteY79" fmla="*/ 905335 h 6857997"/>
              <a:gd name="connsiteX80" fmla="*/ 10879251 w 12191996"/>
              <a:gd name="connsiteY80" fmla="*/ 891680 h 6857997"/>
              <a:gd name="connsiteX81" fmla="*/ 10865902 w 12191996"/>
              <a:gd name="connsiteY81" fmla="*/ 851702 h 6857997"/>
              <a:gd name="connsiteX82" fmla="*/ 10969287 w 12191996"/>
              <a:gd name="connsiteY82" fmla="*/ 851702 h 6857997"/>
              <a:gd name="connsiteX83" fmla="*/ 10969287 w 12191996"/>
              <a:gd name="connsiteY83" fmla="*/ 837334 h 6857997"/>
              <a:gd name="connsiteX84" fmla="*/ 10952807 w 12191996"/>
              <a:gd name="connsiteY84" fmla="*/ 788526 h 6857997"/>
              <a:gd name="connsiteX85" fmla="*/ 10908201 w 12191996"/>
              <a:gd name="connsiteY85" fmla="*/ 769991 h 6857997"/>
              <a:gd name="connsiteX86" fmla="*/ 11436880 w 12191996"/>
              <a:gd name="connsiteY86" fmla="*/ 769990 h 6857997"/>
              <a:gd name="connsiteX87" fmla="*/ 11408864 w 12191996"/>
              <a:gd name="connsiteY87" fmla="*/ 776077 h 6857997"/>
              <a:gd name="connsiteX88" fmla="*/ 11389308 w 12191996"/>
              <a:gd name="connsiteY88" fmla="*/ 793242 h 6857997"/>
              <a:gd name="connsiteX89" fmla="*/ 11388209 w 12191996"/>
              <a:gd name="connsiteY89" fmla="*/ 793242 h 6857997"/>
              <a:gd name="connsiteX90" fmla="*/ 11384474 w 12191996"/>
              <a:gd name="connsiteY90" fmla="*/ 772732 h 6857997"/>
              <a:gd name="connsiteX91" fmla="*/ 11365851 w 12191996"/>
              <a:gd name="connsiteY91" fmla="*/ 772732 h 6857997"/>
              <a:gd name="connsiteX92" fmla="*/ 11365851 w 12191996"/>
              <a:gd name="connsiteY92" fmla="*/ 922443 h 6857997"/>
              <a:gd name="connsiteX93" fmla="*/ 11388594 w 12191996"/>
              <a:gd name="connsiteY93" fmla="*/ 922443 h 6857997"/>
              <a:gd name="connsiteX94" fmla="*/ 11388594 w 12191996"/>
              <a:gd name="connsiteY94" fmla="*/ 843968 h 6857997"/>
              <a:gd name="connsiteX95" fmla="*/ 11399580 w 12191996"/>
              <a:gd name="connsiteY95" fmla="*/ 802016 h 6857997"/>
              <a:gd name="connsiteX96" fmla="*/ 11434023 w 12191996"/>
              <a:gd name="connsiteY96" fmla="*/ 789348 h 6857997"/>
              <a:gd name="connsiteX97" fmla="*/ 11460172 w 12191996"/>
              <a:gd name="connsiteY97" fmla="*/ 798342 h 6857997"/>
              <a:gd name="connsiteX98" fmla="*/ 11468522 w 12191996"/>
              <a:gd name="connsiteY98" fmla="*/ 825762 h 6857997"/>
              <a:gd name="connsiteX99" fmla="*/ 11468522 w 12191996"/>
              <a:gd name="connsiteY99" fmla="*/ 922388 h 6857997"/>
              <a:gd name="connsiteX100" fmla="*/ 11491319 w 12191996"/>
              <a:gd name="connsiteY100" fmla="*/ 922388 h 6857997"/>
              <a:gd name="connsiteX101" fmla="*/ 11491319 w 12191996"/>
              <a:gd name="connsiteY101" fmla="*/ 824774 h 6857997"/>
              <a:gd name="connsiteX102" fmla="*/ 11477640 w 12191996"/>
              <a:gd name="connsiteY102" fmla="*/ 783042 h 6857997"/>
              <a:gd name="connsiteX103" fmla="*/ 11436880 w 12191996"/>
              <a:gd name="connsiteY103" fmla="*/ 769990 h 6857997"/>
              <a:gd name="connsiteX104" fmla="*/ 11261862 w 12191996"/>
              <a:gd name="connsiteY104" fmla="*/ 769826 h 6857997"/>
              <a:gd name="connsiteX105" fmla="*/ 11220003 w 12191996"/>
              <a:gd name="connsiteY105" fmla="*/ 783152 h 6857997"/>
              <a:gd name="connsiteX106" fmla="*/ 11205226 w 12191996"/>
              <a:gd name="connsiteY106" fmla="*/ 821046 h 6857997"/>
              <a:gd name="connsiteX107" fmla="*/ 11212587 w 12191996"/>
              <a:gd name="connsiteY107" fmla="*/ 847259 h 6857997"/>
              <a:gd name="connsiteX108" fmla="*/ 11231484 w 12191996"/>
              <a:gd name="connsiteY108" fmla="*/ 863711 h 6857997"/>
              <a:gd name="connsiteX109" fmla="*/ 11217696 w 12191996"/>
              <a:gd name="connsiteY109" fmla="*/ 875556 h 6857997"/>
              <a:gd name="connsiteX110" fmla="*/ 11213301 w 12191996"/>
              <a:gd name="connsiteY110" fmla="*/ 889924 h 6857997"/>
              <a:gd name="connsiteX111" fmla="*/ 11217201 w 12191996"/>
              <a:gd name="connsiteY111" fmla="*/ 902592 h 6857997"/>
              <a:gd name="connsiteX112" fmla="*/ 11226870 w 12191996"/>
              <a:gd name="connsiteY112" fmla="*/ 910653 h 6857997"/>
              <a:gd name="connsiteX113" fmla="*/ 11202205 w 12191996"/>
              <a:gd name="connsiteY113" fmla="*/ 924198 h 6857997"/>
              <a:gd name="connsiteX114" fmla="*/ 11193470 w 12191996"/>
              <a:gd name="connsiteY114" fmla="*/ 947834 h 6857997"/>
              <a:gd name="connsiteX115" fmla="*/ 11209401 w 12191996"/>
              <a:gd name="connsiteY115" fmla="*/ 978653 h 6857997"/>
              <a:gd name="connsiteX116" fmla="*/ 11254776 w 12191996"/>
              <a:gd name="connsiteY116" fmla="*/ 989621 h 6857997"/>
              <a:gd name="connsiteX117" fmla="*/ 11313060 w 12191996"/>
              <a:gd name="connsiteY117" fmla="*/ 976570 h 6857997"/>
              <a:gd name="connsiteX118" fmla="*/ 11333111 w 12191996"/>
              <a:gd name="connsiteY118" fmla="*/ 938950 h 6857997"/>
              <a:gd name="connsiteX119" fmla="*/ 11320037 w 12191996"/>
              <a:gd name="connsiteY119" fmla="*/ 909172 h 6857997"/>
              <a:gd name="connsiteX120" fmla="*/ 11282627 w 12191996"/>
              <a:gd name="connsiteY120" fmla="*/ 898917 h 6857997"/>
              <a:gd name="connsiteX121" fmla="*/ 11256094 w 12191996"/>
              <a:gd name="connsiteY121" fmla="*/ 898917 h 6857997"/>
              <a:gd name="connsiteX122" fmla="*/ 11238735 w 12191996"/>
              <a:gd name="connsiteY122" fmla="*/ 896011 h 6857997"/>
              <a:gd name="connsiteX123" fmla="*/ 11233682 w 12191996"/>
              <a:gd name="connsiteY123" fmla="*/ 886908 h 6857997"/>
              <a:gd name="connsiteX124" fmla="*/ 11248184 w 12191996"/>
              <a:gd name="connsiteY124" fmla="*/ 867659 h 6857997"/>
              <a:gd name="connsiteX125" fmla="*/ 11260764 w 12191996"/>
              <a:gd name="connsiteY125" fmla="*/ 868756 h 6857997"/>
              <a:gd name="connsiteX126" fmla="*/ 11302074 w 12191996"/>
              <a:gd name="connsiteY126" fmla="*/ 855649 h 6857997"/>
              <a:gd name="connsiteX127" fmla="*/ 11317125 w 12191996"/>
              <a:gd name="connsiteY127" fmla="*/ 820552 h 6857997"/>
              <a:gd name="connsiteX128" fmla="*/ 11314104 w 12191996"/>
              <a:gd name="connsiteY128" fmla="*/ 803114 h 6857997"/>
              <a:gd name="connsiteX129" fmla="*/ 11307237 w 12191996"/>
              <a:gd name="connsiteY129" fmla="*/ 790610 h 6857997"/>
              <a:gd name="connsiteX130" fmla="*/ 11335034 w 12191996"/>
              <a:gd name="connsiteY130" fmla="*/ 787375 h 6857997"/>
              <a:gd name="connsiteX131" fmla="*/ 11335034 w 12191996"/>
              <a:gd name="connsiteY131" fmla="*/ 772733 h 6857997"/>
              <a:gd name="connsiteX132" fmla="*/ 11283067 w 12191996"/>
              <a:gd name="connsiteY132" fmla="*/ 772568 h 6857997"/>
              <a:gd name="connsiteX133" fmla="*/ 11261862 w 12191996"/>
              <a:gd name="connsiteY133" fmla="*/ 769826 h 6857997"/>
              <a:gd name="connsiteX134" fmla="*/ 10673196 w 12191996"/>
              <a:gd name="connsiteY134" fmla="*/ 742846 h 6857997"/>
              <a:gd name="connsiteX135" fmla="*/ 10706980 w 12191996"/>
              <a:gd name="connsiteY135" fmla="*/ 742846 h 6857997"/>
              <a:gd name="connsiteX136" fmla="*/ 10765319 w 12191996"/>
              <a:gd name="connsiteY136" fmla="*/ 762643 h 6857997"/>
              <a:gd name="connsiteX137" fmla="*/ 10784930 w 12191996"/>
              <a:gd name="connsiteY137" fmla="*/ 821485 h 6857997"/>
              <a:gd name="connsiteX138" fmla="*/ 10764001 w 12191996"/>
              <a:gd name="connsiteY138" fmla="*/ 882137 h 6857997"/>
              <a:gd name="connsiteX139" fmla="*/ 10701487 w 12191996"/>
              <a:gd name="connsiteY139" fmla="*/ 902537 h 6857997"/>
              <a:gd name="connsiteX140" fmla="*/ 10673196 w 12191996"/>
              <a:gd name="connsiteY140" fmla="*/ 902537 h 6857997"/>
              <a:gd name="connsiteX141" fmla="*/ 10429292 w 12191996"/>
              <a:gd name="connsiteY141" fmla="*/ 738349 h 6857997"/>
              <a:gd name="connsiteX142" fmla="*/ 10448134 w 12191996"/>
              <a:gd name="connsiteY142" fmla="*/ 744930 h 6857997"/>
              <a:gd name="connsiteX143" fmla="*/ 10455165 w 12191996"/>
              <a:gd name="connsiteY143" fmla="*/ 762094 h 6857997"/>
              <a:gd name="connsiteX144" fmla="*/ 10448244 w 12191996"/>
              <a:gd name="connsiteY144" fmla="*/ 782111 h 6857997"/>
              <a:gd name="connsiteX145" fmla="*/ 10423688 w 12191996"/>
              <a:gd name="connsiteY145" fmla="*/ 801030 h 6857997"/>
              <a:gd name="connsiteX146" fmla="*/ 10406879 w 12191996"/>
              <a:gd name="connsiteY146" fmla="*/ 780466 h 6857997"/>
              <a:gd name="connsiteX147" fmla="*/ 10401935 w 12191996"/>
              <a:gd name="connsiteY147" fmla="*/ 762478 h 6857997"/>
              <a:gd name="connsiteX148" fmla="*/ 10401770 w 12191996"/>
              <a:gd name="connsiteY148" fmla="*/ 762478 h 6857997"/>
              <a:gd name="connsiteX149" fmla="*/ 10409516 w 12191996"/>
              <a:gd name="connsiteY149" fmla="*/ 744875 h 6857997"/>
              <a:gd name="connsiteX150" fmla="*/ 10429292 w 12191996"/>
              <a:gd name="connsiteY150" fmla="*/ 738349 h 6857997"/>
              <a:gd name="connsiteX151" fmla="*/ 10649904 w 12191996"/>
              <a:gd name="connsiteY151" fmla="*/ 722775 h 6857997"/>
              <a:gd name="connsiteX152" fmla="*/ 10649904 w 12191996"/>
              <a:gd name="connsiteY152" fmla="*/ 922389 h 6857997"/>
              <a:gd name="connsiteX153" fmla="*/ 10705332 w 12191996"/>
              <a:gd name="connsiteY153" fmla="*/ 922389 h 6857997"/>
              <a:gd name="connsiteX154" fmla="*/ 10782678 w 12191996"/>
              <a:gd name="connsiteY154" fmla="*/ 896286 h 6857997"/>
              <a:gd name="connsiteX155" fmla="*/ 10809595 w 12191996"/>
              <a:gd name="connsiteY155" fmla="*/ 820663 h 6857997"/>
              <a:gd name="connsiteX156" fmla="*/ 10783722 w 12191996"/>
              <a:gd name="connsiteY156" fmla="*/ 748549 h 6857997"/>
              <a:gd name="connsiteX157" fmla="*/ 10711210 w 12191996"/>
              <a:gd name="connsiteY157" fmla="*/ 722775 h 6857997"/>
              <a:gd name="connsiteX158" fmla="*/ 10430115 w 12191996"/>
              <a:gd name="connsiteY158" fmla="*/ 719759 h 6857997"/>
              <a:gd name="connsiteX159" fmla="*/ 10392761 w 12191996"/>
              <a:gd name="connsiteY159" fmla="*/ 731275 h 6857997"/>
              <a:gd name="connsiteX160" fmla="*/ 10379357 w 12191996"/>
              <a:gd name="connsiteY160" fmla="*/ 763191 h 6857997"/>
              <a:gd name="connsiteX161" fmla="*/ 10381829 w 12191996"/>
              <a:gd name="connsiteY161" fmla="*/ 778217 h 6857997"/>
              <a:gd name="connsiteX162" fmla="*/ 10388421 w 12191996"/>
              <a:gd name="connsiteY162" fmla="*/ 792146 h 6857997"/>
              <a:gd name="connsiteX163" fmla="*/ 10404242 w 12191996"/>
              <a:gd name="connsiteY163" fmla="*/ 811834 h 6857997"/>
              <a:gd name="connsiteX164" fmla="*/ 10370128 w 12191996"/>
              <a:gd name="connsiteY164" fmla="*/ 839253 h 6857997"/>
              <a:gd name="connsiteX165" fmla="*/ 10360625 w 12191996"/>
              <a:gd name="connsiteY165" fmla="*/ 870676 h 6857997"/>
              <a:gd name="connsiteX166" fmla="*/ 10376830 w 12191996"/>
              <a:gd name="connsiteY166" fmla="*/ 910818 h 6857997"/>
              <a:gd name="connsiteX167" fmla="*/ 10422425 w 12191996"/>
              <a:gd name="connsiteY167" fmla="*/ 925296 h 6857997"/>
              <a:gd name="connsiteX168" fmla="*/ 10492465 w 12191996"/>
              <a:gd name="connsiteY168" fmla="*/ 898260 h 6857997"/>
              <a:gd name="connsiteX169" fmla="*/ 10517789 w 12191996"/>
              <a:gd name="connsiteY169" fmla="*/ 922554 h 6857997"/>
              <a:gd name="connsiteX170" fmla="*/ 10549101 w 12191996"/>
              <a:gd name="connsiteY170" fmla="*/ 922554 h 6857997"/>
              <a:gd name="connsiteX171" fmla="*/ 10508231 w 12191996"/>
              <a:gd name="connsiteY171" fmla="*/ 882850 h 6857997"/>
              <a:gd name="connsiteX172" fmla="*/ 10536247 w 12191996"/>
              <a:gd name="connsiteY172" fmla="*/ 823569 h 6857997"/>
              <a:gd name="connsiteX173" fmla="*/ 10513285 w 12191996"/>
              <a:gd name="connsiteY173" fmla="*/ 823569 h 6857997"/>
              <a:gd name="connsiteX174" fmla="*/ 10505539 w 12191996"/>
              <a:gd name="connsiteY174" fmla="*/ 848466 h 6857997"/>
              <a:gd name="connsiteX175" fmla="*/ 10493289 w 12191996"/>
              <a:gd name="connsiteY175" fmla="*/ 868373 h 6857997"/>
              <a:gd name="connsiteX176" fmla="*/ 10437641 w 12191996"/>
              <a:gd name="connsiteY176" fmla="*/ 814959 h 6857997"/>
              <a:gd name="connsiteX177" fmla="*/ 10468404 w 12191996"/>
              <a:gd name="connsiteY177" fmla="*/ 789898 h 6857997"/>
              <a:gd name="connsiteX178" fmla="*/ 10477688 w 12191996"/>
              <a:gd name="connsiteY178" fmla="*/ 762917 h 6857997"/>
              <a:gd name="connsiteX179" fmla="*/ 10464998 w 12191996"/>
              <a:gd name="connsiteY179" fmla="*/ 731165 h 6857997"/>
              <a:gd name="connsiteX180" fmla="*/ 10430115 w 12191996"/>
              <a:gd name="connsiteY180" fmla="*/ 719759 h 6857997"/>
              <a:gd name="connsiteX181" fmla="*/ 11153040 w 12191996"/>
              <a:gd name="connsiteY181" fmla="*/ 717181 h 6857997"/>
              <a:gd name="connsiteX182" fmla="*/ 11143481 w 12191996"/>
              <a:gd name="connsiteY182" fmla="*/ 720800 h 6857997"/>
              <a:gd name="connsiteX183" fmla="*/ 11139636 w 12191996"/>
              <a:gd name="connsiteY183" fmla="*/ 732207 h 6857997"/>
              <a:gd name="connsiteX184" fmla="*/ 11143481 w 12191996"/>
              <a:gd name="connsiteY184" fmla="*/ 743613 h 6857997"/>
              <a:gd name="connsiteX185" fmla="*/ 11162488 w 12191996"/>
              <a:gd name="connsiteY185" fmla="*/ 743613 h 6857997"/>
              <a:gd name="connsiteX186" fmla="*/ 11166498 w 12191996"/>
              <a:gd name="connsiteY186" fmla="*/ 732207 h 6857997"/>
              <a:gd name="connsiteX187" fmla="*/ 11162488 w 12191996"/>
              <a:gd name="connsiteY187" fmla="*/ 720855 h 6857997"/>
              <a:gd name="connsiteX188" fmla="*/ 11153040 w 12191996"/>
              <a:gd name="connsiteY188" fmla="*/ 717181 h 6857997"/>
              <a:gd name="connsiteX189" fmla="*/ 10732579 w 12191996"/>
              <a:gd name="connsiteY189" fmla="*/ 622860 h 6857997"/>
              <a:gd name="connsiteX190" fmla="*/ 10760046 w 12191996"/>
              <a:gd name="connsiteY190" fmla="*/ 622860 h 6857997"/>
              <a:gd name="connsiteX191" fmla="*/ 10788392 w 12191996"/>
              <a:gd name="connsiteY191" fmla="*/ 627575 h 6857997"/>
              <a:gd name="connsiteX192" fmla="*/ 10795863 w 12191996"/>
              <a:gd name="connsiteY192" fmla="*/ 644467 h 6857997"/>
              <a:gd name="connsiteX193" fmla="*/ 10782129 w 12191996"/>
              <a:gd name="connsiteY193" fmla="*/ 667609 h 6857997"/>
              <a:gd name="connsiteX194" fmla="*/ 10739776 w 12191996"/>
              <a:gd name="connsiteY194" fmla="*/ 676108 h 6857997"/>
              <a:gd name="connsiteX195" fmla="*/ 10710386 w 12191996"/>
              <a:gd name="connsiteY195" fmla="*/ 669857 h 6857997"/>
              <a:gd name="connsiteX196" fmla="*/ 10700114 w 12191996"/>
              <a:gd name="connsiteY196" fmla="*/ 651430 h 6857997"/>
              <a:gd name="connsiteX197" fmla="*/ 10708793 w 12191996"/>
              <a:gd name="connsiteY197" fmla="*/ 630263 h 6857997"/>
              <a:gd name="connsiteX198" fmla="*/ 10732579 w 12191996"/>
              <a:gd name="connsiteY198" fmla="*/ 622860 h 6857997"/>
              <a:gd name="connsiteX199" fmla="*/ 11800264 w 12191996"/>
              <a:gd name="connsiteY199" fmla="*/ 622859 h 6857997"/>
              <a:gd name="connsiteX200" fmla="*/ 11827731 w 12191996"/>
              <a:gd name="connsiteY200" fmla="*/ 622859 h 6857997"/>
              <a:gd name="connsiteX201" fmla="*/ 11856022 w 12191996"/>
              <a:gd name="connsiteY201" fmla="*/ 627575 h 6857997"/>
              <a:gd name="connsiteX202" fmla="*/ 11863548 w 12191996"/>
              <a:gd name="connsiteY202" fmla="*/ 644465 h 6857997"/>
              <a:gd name="connsiteX203" fmla="*/ 11849814 w 12191996"/>
              <a:gd name="connsiteY203" fmla="*/ 667607 h 6857997"/>
              <a:gd name="connsiteX204" fmla="*/ 11807460 w 12191996"/>
              <a:gd name="connsiteY204" fmla="*/ 676107 h 6857997"/>
              <a:gd name="connsiteX205" fmla="*/ 11778236 w 12191996"/>
              <a:gd name="connsiteY205" fmla="*/ 669856 h 6857997"/>
              <a:gd name="connsiteX206" fmla="*/ 11767963 w 12191996"/>
              <a:gd name="connsiteY206" fmla="*/ 651430 h 6857997"/>
              <a:gd name="connsiteX207" fmla="*/ 11776203 w 12191996"/>
              <a:gd name="connsiteY207" fmla="*/ 630262 h 6857997"/>
              <a:gd name="connsiteX208" fmla="*/ 11800264 w 12191996"/>
              <a:gd name="connsiteY208" fmla="*/ 622859 h 6857997"/>
              <a:gd name="connsiteX209" fmla="*/ 11307567 w 12191996"/>
              <a:gd name="connsiteY209" fmla="*/ 492835 h 6857997"/>
              <a:gd name="connsiteX210" fmla="*/ 11334979 w 12191996"/>
              <a:gd name="connsiteY210" fmla="*/ 504187 h 6857997"/>
              <a:gd name="connsiteX211" fmla="*/ 11344537 w 12191996"/>
              <a:gd name="connsiteY211" fmla="*/ 537090 h 6857997"/>
              <a:gd name="connsiteX212" fmla="*/ 11266147 w 12191996"/>
              <a:gd name="connsiteY212" fmla="*/ 537090 h 6857997"/>
              <a:gd name="connsiteX213" fmla="*/ 11278782 w 12191996"/>
              <a:gd name="connsiteY213" fmla="*/ 504625 h 6857997"/>
              <a:gd name="connsiteX214" fmla="*/ 11307567 w 12191996"/>
              <a:gd name="connsiteY214" fmla="*/ 492835 h 6857997"/>
              <a:gd name="connsiteX215" fmla="*/ 11150457 w 12191996"/>
              <a:gd name="connsiteY215" fmla="*/ 492835 h 6857997"/>
              <a:gd name="connsiteX216" fmla="*/ 11177814 w 12191996"/>
              <a:gd name="connsiteY216" fmla="*/ 504187 h 6857997"/>
              <a:gd name="connsiteX217" fmla="*/ 11187428 w 12191996"/>
              <a:gd name="connsiteY217" fmla="*/ 537090 h 6857997"/>
              <a:gd name="connsiteX218" fmla="*/ 11109038 w 12191996"/>
              <a:gd name="connsiteY218" fmla="*/ 537090 h 6857997"/>
              <a:gd name="connsiteX219" fmla="*/ 11121672 w 12191996"/>
              <a:gd name="connsiteY219" fmla="*/ 504625 h 6857997"/>
              <a:gd name="connsiteX220" fmla="*/ 11150457 w 12191996"/>
              <a:gd name="connsiteY220" fmla="*/ 492835 h 6857997"/>
              <a:gd name="connsiteX221" fmla="*/ 10745434 w 12191996"/>
              <a:gd name="connsiteY221" fmla="*/ 490424 h 6857997"/>
              <a:gd name="connsiteX222" fmla="*/ 10779053 w 12191996"/>
              <a:gd name="connsiteY222" fmla="*/ 524150 h 6857997"/>
              <a:gd name="connsiteX223" fmla="*/ 10746093 w 12191996"/>
              <a:gd name="connsiteY223" fmla="*/ 556340 h 6857997"/>
              <a:gd name="connsiteX224" fmla="*/ 10721318 w 12191996"/>
              <a:gd name="connsiteY224" fmla="*/ 548334 h 6857997"/>
              <a:gd name="connsiteX225" fmla="*/ 10712419 w 12191996"/>
              <a:gd name="connsiteY225" fmla="*/ 524533 h 6857997"/>
              <a:gd name="connsiteX226" fmla="*/ 10720769 w 12191996"/>
              <a:gd name="connsiteY226" fmla="*/ 499033 h 6857997"/>
              <a:gd name="connsiteX227" fmla="*/ 10745434 w 12191996"/>
              <a:gd name="connsiteY227" fmla="*/ 490424 h 6857997"/>
              <a:gd name="connsiteX228" fmla="*/ 11813503 w 12191996"/>
              <a:gd name="connsiteY228" fmla="*/ 490422 h 6857997"/>
              <a:gd name="connsiteX229" fmla="*/ 11847177 w 12191996"/>
              <a:gd name="connsiteY229" fmla="*/ 524148 h 6857997"/>
              <a:gd name="connsiteX230" fmla="*/ 11813943 w 12191996"/>
              <a:gd name="connsiteY230" fmla="*/ 556339 h 6857997"/>
              <a:gd name="connsiteX231" fmla="*/ 11789168 w 12191996"/>
              <a:gd name="connsiteY231" fmla="*/ 548332 h 6857997"/>
              <a:gd name="connsiteX232" fmla="*/ 11780268 w 12191996"/>
              <a:gd name="connsiteY232" fmla="*/ 524532 h 6857997"/>
              <a:gd name="connsiteX233" fmla="*/ 11788893 w 12191996"/>
              <a:gd name="connsiteY233" fmla="*/ 499032 h 6857997"/>
              <a:gd name="connsiteX234" fmla="*/ 11813503 w 12191996"/>
              <a:gd name="connsiteY234" fmla="*/ 490422 h 6857997"/>
              <a:gd name="connsiteX235" fmla="*/ 11521807 w 12191996"/>
              <a:gd name="connsiteY235" fmla="*/ 476603 h 6857997"/>
              <a:gd name="connsiteX236" fmla="*/ 11521807 w 12191996"/>
              <a:gd name="connsiteY236" fmla="*/ 626259 h 6857997"/>
              <a:gd name="connsiteX237" fmla="*/ 11544715 w 12191996"/>
              <a:gd name="connsiteY237" fmla="*/ 626259 h 6857997"/>
              <a:gd name="connsiteX238" fmla="*/ 11544495 w 12191996"/>
              <a:gd name="connsiteY238" fmla="*/ 476603 h 6857997"/>
              <a:gd name="connsiteX239" fmla="*/ 10850466 w 12191996"/>
              <a:gd name="connsiteY239" fmla="*/ 476603 h 6857997"/>
              <a:gd name="connsiteX240" fmla="*/ 10850466 w 12191996"/>
              <a:gd name="connsiteY240" fmla="*/ 626259 h 6857997"/>
              <a:gd name="connsiteX241" fmla="*/ 10873154 w 12191996"/>
              <a:gd name="connsiteY241" fmla="*/ 626259 h 6857997"/>
              <a:gd name="connsiteX242" fmla="*/ 10873154 w 12191996"/>
              <a:gd name="connsiteY242" fmla="*/ 476603 h 6857997"/>
              <a:gd name="connsiteX243" fmla="*/ 11814657 w 12191996"/>
              <a:gd name="connsiteY243" fmla="*/ 473861 h 6857997"/>
              <a:gd name="connsiteX244" fmla="*/ 11772797 w 12191996"/>
              <a:gd name="connsiteY244" fmla="*/ 487187 h 6857997"/>
              <a:gd name="connsiteX245" fmla="*/ 11758020 w 12191996"/>
              <a:gd name="connsiteY245" fmla="*/ 525080 h 6857997"/>
              <a:gd name="connsiteX246" fmla="*/ 11765161 w 12191996"/>
              <a:gd name="connsiteY246" fmla="*/ 551074 h 6857997"/>
              <a:gd name="connsiteX247" fmla="*/ 11784113 w 12191996"/>
              <a:gd name="connsiteY247" fmla="*/ 567526 h 6857997"/>
              <a:gd name="connsiteX248" fmla="*/ 11770270 w 12191996"/>
              <a:gd name="connsiteY248" fmla="*/ 579371 h 6857997"/>
              <a:gd name="connsiteX249" fmla="*/ 11765931 w 12191996"/>
              <a:gd name="connsiteY249" fmla="*/ 593739 h 6857997"/>
              <a:gd name="connsiteX250" fmla="*/ 11769831 w 12191996"/>
              <a:gd name="connsiteY250" fmla="*/ 606407 h 6857997"/>
              <a:gd name="connsiteX251" fmla="*/ 11779444 w 12191996"/>
              <a:gd name="connsiteY251" fmla="*/ 614797 h 6857997"/>
              <a:gd name="connsiteX252" fmla="*/ 11754834 w 12191996"/>
              <a:gd name="connsiteY252" fmla="*/ 628342 h 6857997"/>
              <a:gd name="connsiteX253" fmla="*/ 11746210 w 12191996"/>
              <a:gd name="connsiteY253" fmla="*/ 651704 h 6857997"/>
              <a:gd name="connsiteX254" fmla="*/ 11762140 w 12191996"/>
              <a:gd name="connsiteY254" fmla="*/ 682523 h 6857997"/>
              <a:gd name="connsiteX255" fmla="*/ 11807460 w 12191996"/>
              <a:gd name="connsiteY255" fmla="*/ 693491 h 6857997"/>
              <a:gd name="connsiteX256" fmla="*/ 11865415 w 12191996"/>
              <a:gd name="connsiteY256" fmla="*/ 680714 h 6857997"/>
              <a:gd name="connsiteX257" fmla="*/ 11885411 w 12191996"/>
              <a:gd name="connsiteY257" fmla="*/ 642820 h 6857997"/>
              <a:gd name="connsiteX258" fmla="*/ 11872337 w 12191996"/>
              <a:gd name="connsiteY258" fmla="*/ 613042 h 6857997"/>
              <a:gd name="connsiteX259" fmla="*/ 11834927 w 12191996"/>
              <a:gd name="connsiteY259" fmla="*/ 602787 h 6857997"/>
              <a:gd name="connsiteX260" fmla="*/ 11808614 w 12191996"/>
              <a:gd name="connsiteY260" fmla="*/ 602787 h 6857997"/>
              <a:gd name="connsiteX261" fmla="*/ 11791200 w 12191996"/>
              <a:gd name="connsiteY261" fmla="*/ 599881 h 6857997"/>
              <a:gd name="connsiteX262" fmla="*/ 11786146 w 12191996"/>
              <a:gd name="connsiteY262" fmla="*/ 590778 h 6857997"/>
              <a:gd name="connsiteX263" fmla="*/ 11800649 w 12191996"/>
              <a:gd name="connsiteY263" fmla="*/ 571529 h 6857997"/>
              <a:gd name="connsiteX264" fmla="*/ 11813228 w 12191996"/>
              <a:gd name="connsiteY264" fmla="*/ 572626 h 6857997"/>
              <a:gd name="connsiteX265" fmla="*/ 11854538 w 12191996"/>
              <a:gd name="connsiteY265" fmla="*/ 559519 h 6857997"/>
              <a:gd name="connsiteX266" fmla="*/ 11869590 w 12191996"/>
              <a:gd name="connsiteY266" fmla="*/ 524422 h 6857997"/>
              <a:gd name="connsiteX267" fmla="*/ 11866624 w 12191996"/>
              <a:gd name="connsiteY267" fmla="*/ 506984 h 6857997"/>
              <a:gd name="connsiteX268" fmla="*/ 11859757 w 12191996"/>
              <a:gd name="connsiteY268" fmla="*/ 494480 h 6857997"/>
              <a:gd name="connsiteX269" fmla="*/ 11887553 w 12191996"/>
              <a:gd name="connsiteY269" fmla="*/ 491245 h 6857997"/>
              <a:gd name="connsiteX270" fmla="*/ 11887553 w 12191996"/>
              <a:gd name="connsiteY270" fmla="*/ 476603 h 6857997"/>
              <a:gd name="connsiteX271" fmla="*/ 11835861 w 12191996"/>
              <a:gd name="connsiteY271" fmla="*/ 476603 h 6857997"/>
              <a:gd name="connsiteX272" fmla="*/ 11814657 w 12191996"/>
              <a:gd name="connsiteY272" fmla="*/ 473861 h 6857997"/>
              <a:gd name="connsiteX273" fmla="*/ 11476048 w 12191996"/>
              <a:gd name="connsiteY273" fmla="*/ 473861 h 6857997"/>
              <a:gd name="connsiteX274" fmla="*/ 11450394 w 12191996"/>
              <a:gd name="connsiteY274" fmla="*/ 481812 h 6857997"/>
              <a:gd name="connsiteX275" fmla="*/ 11430014 w 12191996"/>
              <a:gd name="connsiteY275" fmla="*/ 504351 h 6857997"/>
              <a:gd name="connsiteX276" fmla="*/ 11428915 w 12191996"/>
              <a:gd name="connsiteY276" fmla="*/ 504351 h 6857997"/>
              <a:gd name="connsiteX277" fmla="*/ 11426333 w 12191996"/>
              <a:gd name="connsiteY277" fmla="*/ 476603 h 6857997"/>
              <a:gd name="connsiteX278" fmla="*/ 11407601 w 12191996"/>
              <a:gd name="connsiteY278" fmla="*/ 476603 h 6857997"/>
              <a:gd name="connsiteX279" fmla="*/ 11407601 w 12191996"/>
              <a:gd name="connsiteY279" fmla="*/ 626258 h 6857997"/>
              <a:gd name="connsiteX280" fmla="*/ 11430289 w 12191996"/>
              <a:gd name="connsiteY280" fmla="*/ 626258 h 6857997"/>
              <a:gd name="connsiteX281" fmla="*/ 11430289 w 12191996"/>
              <a:gd name="connsiteY281" fmla="*/ 546138 h 6857997"/>
              <a:gd name="connsiteX282" fmla="*/ 11443253 w 12191996"/>
              <a:gd name="connsiteY282" fmla="*/ 509396 h 6857997"/>
              <a:gd name="connsiteX283" fmla="*/ 11474345 w 12191996"/>
              <a:gd name="connsiteY283" fmla="*/ 494645 h 6857997"/>
              <a:gd name="connsiteX284" fmla="*/ 11490825 w 12191996"/>
              <a:gd name="connsiteY284" fmla="*/ 496728 h 6857997"/>
              <a:gd name="connsiteX285" fmla="*/ 11493956 w 12191996"/>
              <a:gd name="connsiteY285" fmla="*/ 475506 h 6857997"/>
              <a:gd name="connsiteX286" fmla="*/ 11476048 w 12191996"/>
              <a:gd name="connsiteY286" fmla="*/ 473861 h 6857997"/>
              <a:gd name="connsiteX287" fmla="*/ 11307896 w 12191996"/>
              <a:gd name="connsiteY287" fmla="*/ 473861 h 6857997"/>
              <a:gd name="connsiteX288" fmla="*/ 11259995 w 12191996"/>
              <a:gd name="connsiteY288" fmla="*/ 495193 h 6857997"/>
              <a:gd name="connsiteX289" fmla="*/ 11242141 w 12191996"/>
              <a:gd name="connsiteY289" fmla="*/ 552664 h 6857997"/>
              <a:gd name="connsiteX290" fmla="*/ 11261313 w 12191996"/>
              <a:gd name="connsiteY290" fmla="*/ 608820 h 6857997"/>
              <a:gd name="connsiteX291" fmla="*/ 11313829 w 12191996"/>
              <a:gd name="connsiteY291" fmla="*/ 629000 h 6857997"/>
              <a:gd name="connsiteX292" fmla="*/ 11339703 w 12191996"/>
              <a:gd name="connsiteY292" fmla="*/ 626752 h 6857997"/>
              <a:gd name="connsiteX293" fmla="*/ 11362500 w 12191996"/>
              <a:gd name="connsiteY293" fmla="*/ 619349 h 6857997"/>
              <a:gd name="connsiteX294" fmla="*/ 11362500 w 12191996"/>
              <a:gd name="connsiteY294" fmla="*/ 599113 h 6857997"/>
              <a:gd name="connsiteX295" fmla="*/ 11314653 w 12191996"/>
              <a:gd name="connsiteY295" fmla="*/ 609203 h 6857997"/>
              <a:gd name="connsiteX296" fmla="*/ 11279056 w 12191996"/>
              <a:gd name="connsiteY296" fmla="*/ 595549 h 6857997"/>
              <a:gd name="connsiteX297" fmla="*/ 11265708 w 12191996"/>
              <a:gd name="connsiteY297" fmla="*/ 555571 h 6857997"/>
              <a:gd name="connsiteX298" fmla="*/ 11368982 w 12191996"/>
              <a:gd name="connsiteY298" fmla="*/ 555571 h 6857997"/>
              <a:gd name="connsiteX299" fmla="*/ 11368982 w 12191996"/>
              <a:gd name="connsiteY299" fmla="*/ 541203 h 6857997"/>
              <a:gd name="connsiteX300" fmla="*/ 11352502 w 12191996"/>
              <a:gd name="connsiteY300" fmla="*/ 492396 h 6857997"/>
              <a:gd name="connsiteX301" fmla="*/ 11307896 w 12191996"/>
              <a:gd name="connsiteY301" fmla="*/ 473861 h 6857997"/>
              <a:gd name="connsiteX302" fmla="*/ 11150732 w 12191996"/>
              <a:gd name="connsiteY302" fmla="*/ 473861 h 6857997"/>
              <a:gd name="connsiteX303" fmla="*/ 11102775 w 12191996"/>
              <a:gd name="connsiteY303" fmla="*/ 495193 h 6857997"/>
              <a:gd name="connsiteX304" fmla="*/ 11084922 w 12191996"/>
              <a:gd name="connsiteY304" fmla="*/ 552664 h 6857997"/>
              <a:gd name="connsiteX305" fmla="*/ 11104149 w 12191996"/>
              <a:gd name="connsiteY305" fmla="*/ 608820 h 6857997"/>
              <a:gd name="connsiteX306" fmla="*/ 11156610 w 12191996"/>
              <a:gd name="connsiteY306" fmla="*/ 629000 h 6857997"/>
              <a:gd name="connsiteX307" fmla="*/ 11182593 w 12191996"/>
              <a:gd name="connsiteY307" fmla="*/ 626752 h 6857997"/>
              <a:gd name="connsiteX308" fmla="*/ 11205391 w 12191996"/>
              <a:gd name="connsiteY308" fmla="*/ 619349 h 6857997"/>
              <a:gd name="connsiteX309" fmla="*/ 11205391 w 12191996"/>
              <a:gd name="connsiteY309" fmla="*/ 599113 h 6857997"/>
              <a:gd name="connsiteX310" fmla="*/ 11157489 w 12191996"/>
              <a:gd name="connsiteY310" fmla="*/ 609203 h 6857997"/>
              <a:gd name="connsiteX311" fmla="*/ 11121892 w 12191996"/>
              <a:gd name="connsiteY311" fmla="*/ 595549 h 6857997"/>
              <a:gd name="connsiteX312" fmla="*/ 11108543 w 12191996"/>
              <a:gd name="connsiteY312" fmla="*/ 555571 h 6857997"/>
              <a:gd name="connsiteX313" fmla="*/ 11211818 w 12191996"/>
              <a:gd name="connsiteY313" fmla="*/ 555571 h 6857997"/>
              <a:gd name="connsiteX314" fmla="*/ 11211818 w 12191996"/>
              <a:gd name="connsiteY314" fmla="*/ 541203 h 6857997"/>
              <a:gd name="connsiteX315" fmla="*/ 11195338 w 12191996"/>
              <a:gd name="connsiteY315" fmla="*/ 492396 h 6857997"/>
              <a:gd name="connsiteX316" fmla="*/ 11150732 w 12191996"/>
              <a:gd name="connsiteY316" fmla="*/ 473861 h 6857997"/>
              <a:gd name="connsiteX317" fmla="*/ 10596125 w 12191996"/>
              <a:gd name="connsiteY317" fmla="*/ 473861 h 6857997"/>
              <a:gd name="connsiteX318" fmla="*/ 10568054 w 12191996"/>
              <a:gd name="connsiteY318" fmla="*/ 479948 h 6857997"/>
              <a:gd name="connsiteX319" fmla="*/ 10548498 w 12191996"/>
              <a:gd name="connsiteY319" fmla="*/ 497113 h 6857997"/>
              <a:gd name="connsiteX320" fmla="*/ 10547399 w 12191996"/>
              <a:gd name="connsiteY320" fmla="*/ 497113 h 6857997"/>
              <a:gd name="connsiteX321" fmla="*/ 10543719 w 12191996"/>
              <a:gd name="connsiteY321" fmla="*/ 476603 h 6857997"/>
              <a:gd name="connsiteX322" fmla="*/ 10525261 w 12191996"/>
              <a:gd name="connsiteY322" fmla="*/ 476603 h 6857997"/>
              <a:gd name="connsiteX323" fmla="*/ 10525261 w 12191996"/>
              <a:gd name="connsiteY323" fmla="*/ 626259 h 6857997"/>
              <a:gd name="connsiteX324" fmla="*/ 10547949 w 12191996"/>
              <a:gd name="connsiteY324" fmla="*/ 626259 h 6857997"/>
              <a:gd name="connsiteX325" fmla="*/ 10547949 w 12191996"/>
              <a:gd name="connsiteY325" fmla="*/ 547784 h 6857997"/>
              <a:gd name="connsiteX326" fmla="*/ 10558935 w 12191996"/>
              <a:gd name="connsiteY326" fmla="*/ 505832 h 6857997"/>
              <a:gd name="connsiteX327" fmla="*/ 10593434 w 12191996"/>
              <a:gd name="connsiteY327" fmla="*/ 493165 h 6857997"/>
              <a:gd name="connsiteX328" fmla="*/ 10619307 w 12191996"/>
              <a:gd name="connsiteY328" fmla="*/ 502213 h 6857997"/>
              <a:gd name="connsiteX329" fmla="*/ 10627657 w 12191996"/>
              <a:gd name="connsiteY329" fmla="*/ 529633 h 6857997"/>
              <a:gd name="connsiteX330" fmla="*/ 10627657 w 12191996"/>
              <a:gd name="connsiteY330" fmla="*/ 626259 h 6857997"/>
              <a:gd name="connsiteX331" fmla="*/ 10650564 w 12191996"/>
              <a:gd name="connsiteY331" fmla="*/ 626259 h 6857997"/>
              <a:gd name="connsiteX332" fmla="*/ 10650564 w 12191996"/>
              <a:gd name="connsiteY332" fmla="*/ 528646 h 6857997"/>
              <a:gd name="connsiteX333" fmla="*/ 10636886 w 12191996"/>
              <a:gd name="connsiteY333" fmla="*/ 486913 h 6857997"/>
              <a:gd name="connsiteX334" fmla="*/ 10596125 w 12191996"/>
              <a:gd name="connsiteY334" fmla="*/ 473861 h 6857997"/>
              <a:gd name="connsiteX335" fmla="*/ 11663700 w 12191996"/>
              <a:gd name="connsiteY335" fmla="*/ 473860 h 6857997"/>
              <a:gd name="connsiteX336" fmla="*/ 11635629 w 12191996"/>
              <a:gd name="connsiteY336" fmla="*/ 479947 h 6857997"/>
              <a:gd name="connsiteX337" fmla="*/ 11616073 w 12191996"/>
              <a:gd name="connsiteY337" fmla="*/ 497112 h 6857997"/>
              <a:gd name="connsiteX338" fmla="*/ 11614974 w 12191996"/>
              <a:gd name="connsiteY338" fmla="*/ 497112 h 6857997"/>
              <a:gd name="connsiteX339" fmla="*/ 11611294 w 12191996"/>
              <a:gd name="connsiteY339" fmla="*/ 476602 h 6857997"/>
              <a:gd name="connsiteX340" fmla="*/ 11592836 w 12191996"/>
              <a:gd name="connsiteY340" fmla="*/ 476602 h 6857997"/>
              <a:gd name="connsiteX341" fmla="*/ 11592836 w 12191996"/>
              <a:gd name="connsiteY341" fmla="*/ 626258 h 6857997"/>
              <a:gd name="connsiteX342" fmla="*/ 11615524 w 12191996"/>
              <a:gd name="connsiteY342" fmla="*/ 626258 h 6857997"/>
              <a:gd name="connsiteX343" fmla="*/ 11615524 w 12191996"/>
              <a:gd name="connsiteY343" fmla="*/ 547838 h 6857997"/>
              <a:gd name="connsiteX344" fmla="*/ 11626510 w 12191996"/>
              <a:gd name="connsiteY344" fmla="*/ 505886 h 6857997"/>
              <a:gd name="connsiteX345" fmla="*/ 11661008 w 12191996"/>
              <a:gd name="connsiteY345" fmla="*/ 493218 h 6857997"/>
              <a:gd name="connsiteX346" fmla="*/ 11687102 w 12191996"/>
              <a:gd name="connsiteY346" fmla="*/ 502212 h 6857997"/>
              <a:gd name="connsiteX347" fmla="*/ 11695452 w 12191996"/>
              <a:gd name="connsiteY347" fmla="*/ 529632 h 6857997"/>
              <a:gd name="connsiteX348" fmla="*/ 11695452 w 12191996"/>
              <a:gd name="connsiteY348" fmla="*/ 626258 h 6857997"/>
              <a:gd name="connsiteX349" fmla="*/ 11718139 w 12191996"/>
              <a:gd name="connsiteY349" fmla="*/ 626258 h 6857997"/>
              <a:gd name="connsiteX350" fmla="*/ 11718139 w 12191996"/>
              <a:gd name="connsiteY350" fmla="*/ 528645 h 6857997"/>
              <a:gd name="connsiteX351" fmla="*/ 11704461 w 12191996"/>
              <a:gd name="connsiteY351" fmla="*/ 486912 h 6857997"/>
              <a:gd name="connsiteX352" fmla="*/ 11663700 w 12191996"/>
              <a:gd name="connsiteY352" fmla="*/ 473860 h 6857997"/>
              <a:gd name="connsiteX353" fmla="*/ 10992194 w 12191996"/>
              <a:gd name="connsiteY353" fmla="*/ 473860 h 6857997"/>
              <a:gd name="connsiteX354" fmla="*/ 10964123 w 12191996"/>
              <a:gd name="connsiteY354" fmla="*/ 479947 h 6857997"/>
              <a:gd name="connsiteX355" fmla="*/ 10944567 w 12191996"/>
              <a:gd name="connsiteY355" fmla="*/ 497112 h 6857997"/>
              <a:gd name="connsiteX356" fmla="*/ 10943468 w 12191996"/>
              <a:gd name="connsiteY356" fmla="*/ 497112 h 6857997"/>
              <a:gd name="connsiteX357" fmla="*/ 10939788 w 12191996"/>
              <a:gd name="connsiteY357" fmla="*/ 476602 h 6857997"/>
              <a:gd name="connsiteX358" fmla="*/ 10921330 w 12191996"/>
              <a:gd name="connsiteY358" fmla="*/ 476602 h 6857997"/>
              <a:gd name="connsiteX359" fmla="*/ 10921330 w 12191996"/>
              <a:gd name="connsiteY359" fmla="*/ 626258 h 6857997"/>
              <a:gd name="connsiteX360" fmla="*/ 10944018 w 12191996"/>
              <a:gd name="connsiteY360" fmla="*/ 626258 h 6857997"/>
              <a:gd name="connsiteX361" fmla="*/ 10944018 w 12191996"/>
              <a:gd name="connsiteY361" fmla="*/ 547838 h 6857997"/>
              <a:gd name="connsiteX362" fmla="*/ 10955004 w 12191996"/>
              <a:gd name="connsiteY362" fmla="*/ 505886 h 6857997"/>
              <a:gd name="connsiteX363" fmla="*/ 10989447 w 12191996"/>
              <a:gd name="connsiteY363" fmla="*/ 493218 h 6857997"/>
              <a:gd name="connsiteX364" fmla="*/ 11015596 w 12191996"/>
              <a:gd name="connsiteY364" fmla="*/ 502212 h 6857997"/>
              <a:gd name="connsiteX365" fmla="*/ 11023946 w 12191996"/>
              <a:gd name="connsiteY365" fmla="*/ 529632 h 6857997"/>
              <a:gd name="connsiteX366" fmla="*/ 11023946 w 12191996"/>
              <a:gd name="connsiteY366" fmla="*/ 626258 h 6857997"/>
              <a:gd name="connsiteX367" fmla="*/ 11046633 w 12191996"/>
              <a:gd name="connsiteY367" fmla="*/ 626258 h 6857997"/>
              <a:gd name="connsiteX368" fmla="*/ 11046633 w 12191996"/>
              <a:gd name="connsiteY368" fmla="*/ 528645 h 6857997"/>
              <a:gd name="connsiteX369" fmla="*/ 11032955 w 12191996"/>
              <a:gd name="connsiteY369" fmla="*/ 486912 h 6857997"/>
              <a:gd name="connsiteX370" fmla="*/ 10992194 w 12191996"/>
              <a:gd name="connsiteY370" fmla="*/ 473860 h 6857997"/>
              <a:gd name="connsiteX371" fmla="*/ 10746643 w 12191996"/>
              <a:gd name="connsiteY371" fmla="*/ 473643 h 6857997"/>
              <a:gd name="connsiteX372" fmla="*/ 10704783 w 12191996"/>
              <a:gd name="connsiteY372" fmla="*/ 486969 h 6857997"/>
              <a:gd name="connsiteX373" fmla="*/ 10690006 w 12191996"/>
              <a:gd name="connsiteY373" fmla="*/ 524863 h 6857997"/>
              <a:gd name="connsiteX374" fmla="*/ 10697312 w 12191996"/>
              <a:gd name="connsiteY374" fmla="*/ 551076 h 6857997"/>
              <a:gd name="connsiteX375" fmla="*/ 10716264 w 12191996"/>
              <a:gd name="connsiteY375" fmla="*/ 567527 h 6857997"/>
              <a:gd name="connsiteX376" fmla="*/ 10702476 w 12191996"/>
              <a:gd name="connsiteY376" fmla="*/ 579373 h 6857997"/>
              <a:gd name="connsiteX377" fmla="*/ 10698081 w 12191996"/>
              <a:gd name="connsiteY377" fmla="*/ 593740 h 6857997"/>
              <a:gd name="connsiteX378" fmla="*/ 10701981 w 12191996"/>
              <a:gd name="connsiteY378" fmla="*/ 606408 h 6857997"/>
              <a:gd name="connsiteX379" fmla="*/ 10711485 w 12191996"/>
              <a:gd name="connsiteY379" fmla="*/ 614799 h 6857997"/>
              <a:gd name="connsiteX380" fmla="*/ 10686820 w 12191996"/>
              <a:gd name="connsiteY380" fmla="*/ 628344 h 6857997"/>
              <a:gd name="connsiteX381" fmla="*/ 10678250 w 12191996"/>
              <a:gd name="connsiteY381" fmla="*/ 651979 h 6857997"/>
              <a:gd name="connsiteX382" fmla="*/ 10694181 w 12191996"/>
              <a:gd name="connsiteY382" fmla="*/ 682798 h 6857997"/>
              <a:gd name="connsiteX383" fmla="*/ 10739556 w 12191996"/>
              <a:gd name="connsiteY383" fmla="*/ 693767 h 6857997"/>
              <a:gd name="connsiteX384" fmla="*/ 10797785 w 12191996"/>
              <a:gd name="connsiteY384" fmla="*/ 680714 h 6857997"/>
              <a:gd name="connsiteX385" fmla="*/ 10817781 w 12191996"/>
              <a:gd name="connsiteY385" fmla="*/ 642821 h 6857997"/>
              <a:gd name="connsiteX386" fmla="*/ 10804707 w 12191996"/>
              <a:gd name="connsiteY386" fmla="*/ 613044 h 6857997"/>
              <a:gd name="connsiteX387" fmla="*/ 10767297 w 12191996"/>
              <a:gd name="connsiteY387" fmla="*/ 602789 h 6857997"/>
              <a:gd name="connsiteX388" fmla="*/ 10740765 w 12191996"/>
              <a:gd name="connsiteY388" fmla="*/ 602789 h 6857997"/>
              <a:gd name="connsiteX389" fmla="*/ 10723406 w 12191996"/>
              <a:gd name="connsiteY389" fmla="*/ 599882 h 6857997"/>
              <a:gd name="connsiteX390" fmla="*/ 10718352 w 12191996"/>
              <a:gd name="connsiteY390" fmla="*/ 590779 h 6857997"/>
              <a:gd name="connsiteX391" fmla="*/ 10732799 w 12191996"/>
              <a:gd name="connsiteY391" fmla="*/ 571531 h 6857997"/>
              <a:gd name="connsiteX392" fmla="*/ 10745434 w 12191996"/>
              <a:gd name="connsiteY392" fmla="*/ 572627 h 6857997"/>
              <a:gd name="connsiteX393" fmla="*/ 10786744 w 12191996"/>
              <a:gd name="connsiteY393" fmla="*/ 559521 h 6857997"/>
              <a:gd name="connsiteX394" fmla="*/ 10801796 w 12191996"/>
              <a:gd name="connsiteY394" fmla="*/ 524424 h 6857997"/>
              <a:gd name="connsiteX395" fmla="*/ 10798774 w 12191996"/>
              <a:gd name="connsiteY395" fmla="*/ 506985 h 6857997"/>
              <a:gd name="connsiteX396" fmla="*/ 10791908 w 12191996"/>
              <a:gd name="connsiteY396" fmla="*/ 494482 h 6857997"/>
              <a:gd name="connsiteX397" fmla="*/ 10819704 w 12191996"/>
              <a:gd name="connsiteY397" fmla="*/ 491246 h 6857997"/>
              <a:gd name="connsiteX398" fmla="*/ 10819704 w 12191996"/>
              <a:gd name="connsiteY398" fmla="*/ 476604 h 6857997"/>
              <a:gd name="connsiteX399" fmla="*/ 10767847 w 12191996"/>
              <a:gd name="connsiteY399" fmla="*/ 476385 h 6857997"/>
              <a:gd name="connsiteX400" fmla="*/ 10746643 w 12191996"/>
              <a:gd name="connsiteY400" fmla="*/ 473643 h 6857997"/>
              <a:gd name="connsiteX401" fmla="*/ 10372656 w 12191996"/>
              <a:gd name="connsiteY401" fmla="*/ 426645 h 6857997"/>
              <a:gd name="connsiteX402" fmla="*/ 10372656 w 12191996"/>
              <a:gd name="connsiteY402" fmla="*/ 626259 h 6857997"/>
              <a:gd name="connsiteX403" fmla="*/ 10484116 w 12191996"/>
              <a:gd name="connsiteY403" fmla="*/ 626259 h 6857997"/>
              <a:gd name="connsiteX404" fmla="*/ 10484116 w 12191996"/>
              <a:gd name="connsiteY404" fmla="*/ 605530 h 6857997"/>
              <a:gd name="connsiteX405" fmla="*/ 10395673 w 12191996"/>
              <a:gd name="connsiteY405" fmla="*/ 605530 h 6857997"/>
              <a:gd name="connsiteX406" fmla="*/ 10395673 w 12191996"/>
              <a:gd name="connsiteY406" fmla="*/ 532046 h 6857997"/>
              <a:gd name="connsiteX407" fmla="*/ 10478568 w 12191996"/>
              <a:gd name="connsiteY407" fmla="*/ 532046 h 6857997"/>
              <a:gd name="connsiteX408" fmla="*/ 10478568 w 12191996"/>
              <a:gd name="connsiteY408" fmla="*/ 511591 h 6857997"/>
              <a:gd name="connsiteX409" fmla="*/ 10395673 w 12191996"/>
              <a:gd name="connsiteY409" fmla="*/ 511591 h 6857997"/>
              <a:gd name="connsiteX410" fmla="*/ 10395673 w 12191996"/>
              <a:gd name="connsiteY410" fmla="*/ 447374 h 6857997"/>
              <a:gd name="connsiteX411" fmla="*/ 10484116 w 12191996"/>
              <a:gd name="connsiteY411" fmla="*/ 447374 h 6857997"/>
              <a:gd name="connsiteX412" fmla="*/ 10484116 w 12191996"/>
              <a:gd name="connsiteY412" fmla="*/ 426645 h 6857997"/>
              <a:gd name="connsiteX413" fmla="*/ 10852389 w 12191996"/>
              <a:gd name="connsiteY413" fmla="*/ 424670 h 6857997"/>
              <a:gd name="connsiteX414" fmla="*/ 10848543 w 12191996"/>
              <a:gd name="connsiteY414" fmla="*/ 436077 h 6857997"/>
              <a:gd name="connsiteX415" fmla="*/ 10852389 w 12191996"/>
              <a:gd name="connsiteY415" fmla="*/ 447373 h 6857997"/>
              <a:gd name="connsiteX416" fmla="*/ 10871396 w 12191996"/>
              <a:gd name="connsiteY416" fmla="*/ 447373 h 6857997"/>
              <a:gd name="connsiteX417" fmla="*/ 10875351 w 12191996"/>
              <a:gd name="connsiteY417" fmla="*/ 436022 h 6857997"/>
              <a:gd name="connsiteX418" fmla="*/ 10871396 w 12191996"/>
              <a:gd name="connsiteY418" fmla="*/ 424670 h 6857997"/>
              <a:gd name="connsiteX419" fmla="*/ 10852389 w 12191996"/>
              <a:gd name="connsiteY419" fmla="*/ 424670 h 6857997"/>
              <a:gd name="connsiteX420" fmla="*/ 11533508 w 12191996"/>
              <a:gd name="connsiteY420" fmla="*/ 421051 h 6857997"/>
              <a:gd name="connsiteX421" fmla="*/ 11523950 w 12191996"/>
              <a:gd name="connsiteY421" fmla="*/ 424670 h 6857997"/>
              <a:gd name="connsiteX422" fmla="*/ 11520104 w 12191996"/>
              <a:gd name="connsiteY422" fmla="*/ 436077 h 6857997"/>
              <a:gd name="connsiteX423" fmla="*/ 11523950 w 12191996"/>
              <a:gd name="connsiteY423" fmla="*/ 447483 h 6857997"/>
              <a:gd name="connsiteX424" fmla="*/ 11533508 w 12191996"/>
              <a:gd name="connsiteY424" fmla="*/ 451212 h 6857997"/>
              <a:gd name="connsiteX425" fmla="*/ 11542957 w 12191996"/>
              <a:gd name="connsiteY425" fmla="*/ 447483 h 6857997"/>
              <a:gd name="connsiteX426" fmla="*/ 11546912 w 12191996"/>
              <a:gd name="connsiteY426" fmla="*/ 436077 h 6857997"/>
              <a:gd name="connsiteX427" fmla="*/ 11542957 w 12191996"/>
              <a:gd name="connsiteY427" fmla="*/ 424725 h 6857997"/>
              <a:gd name="connsiteX428" fmla="*/ 11533508 w 12191996"/>
              <a:gd name="connsiteY428" fmla="*/ 421051 h 6857997"/>
              <a:gd name="connsiteX429" fmla="*/ 9008769 w 12191996"/>
              <a:gd name="connsiteY429" fmla="*/ 311755 h 6857997"/>
              <a:gd name="connsiteX430" fmla="*/ 8934444 w 12191996"/>
              <a:gd name="connsiteY430" fmla="*/ 386007 h 6857997"/>
              <a:gd name="connsiteX431" fmla="*/ 8934444 w 12191996"/>
              <a:gd name="connsiteY431" fmla="*/ 972072 h 6857997"/>
              <a:gd name="connsiteX432" fmla="*/ 9004264 w 12191996"/>
              <a:gd name="connsiteY432" fmla="*/ 1046050 h 6857997"/>
              <a:gd name="connsiteX433" fmla="*/ 10157042 w 12191996"/>
              <a:gd name="connsiteY433" fmla="*/ 1046050 h 6857997"/>
              <a:gd name="connsiteX434" fmla="*/ 10226862 w 12191996"/>
              <a:gd name="connsiteY434" fmla="*/ 971853 h 6857997"/>
              <a:gd name="connsiteX435" fmla="*/ 10226862 w 12191996"/>
              <a:gd name="connsiteY435" fmla="*/ 386007 h 6857997"/>
              <a:gd name="connsiteX436" fmla="*/ 10152537 w 12191996"/>
              <a:gd name="connsiteY436" fmla="*/ 311755 h 6857997"/>
              <a:gd name="connsiteX437" fmla="*/ 0 w 12191996"/>
              <a:gd name="connsiteY437" fmla="*/ 0 h 6857997"/>
              <a:gd name="connsiteX438" fmla="*/ 312254 w 12191996"/>
              <a:gd name="connsiteY438" fmla="*/ 0 h 6857997"/>
              <a:gd name="connsiteX439" fmla="*/ 312254 w 12191996"/>
              <a:gd name="connsiteY439" fmla="*/ 1116000 h 6857997"/>
              <a:gd name="connsiteX440" fmla="*/ 328129 w 12191996"/>
              <a:gd name="connsiteY440" fmla="*/ 1116000 h 6857997"/>
              <a:gd name="connsiteX441" fmla="*/ 328129 w 12191996"/>
              <a:gd name="connsiteY441" fmla="*/ 0 h 6857997"/>
              <a:gd name="connsiteX442" fmla="*/ 12191996 w 12191996"/>
              <a:gd name="connsiteY442" fmla="*/ 0 h 6857997"/>
              <a:gd name="connsiteX443" fmla="*/ 12191996 w 12191996"/>
              <a:gd name="connsiteY443" fmla="*/ 6531376 h 6857997"/>
              <a:gd name="connsiteX444" fmla="*/ 2482803 w 12191996"/>
              <a:gd name="connsiteY444" fmla="*/ 6531376 h 6857997"/>
              <a:gd name="connsiteX445" fmla="*/ 2482803 w 12191996"/>
              <a:gd name="connsiteY445" fmla="*/ 6545776 h 6857997"/>
              <a:gd name="connsiteX446" fmla="*/ 12191996 w 12191996"/>
              <a:gd name="connsiteY446" fmla="*/ 6545776 h 6857997"/>
              <a:gd name="connsiteX447" fmla="*/ 12191996 w 12191996"/>
              <a:gd name="connsiteY447" fmla="*/ 6857997 h 6857997"/>
              <a:gd name="connsiteX448" fmla="*/ 0 w 12191996"/>
              <a:gd name="connsiteY448" fmla="*/ 6857997 h 6857997"/>
              <a:gd name="connsiteX449" fmla="*/ 0 w 12191996"/>
              <a:gd name="connsiteY449" fmla="*/ 5558972 h 6857997"/>
              <a:gd name="connsiteX450" fmla="*/ 5780475 w 12191996"/>
              <a:gd name="connsiteY450" fmla="*/ 5558972 h 6857997"/>
              <a:gd name="connsiteX451" fmla="*/ 5780475 w 12191996"/>
              <a:gd name="connsiteY451" fmla="*/ 5342397 h 6857997"/>
              <a:gd name="connsiteX452" fmla="*/ 5986800 w 12191996"/>
              <a:gd name="connsiteY452" fmla="*/ 5342397 h 6857997"/>
              <a:gd name="connsiteX453" fmla="*/ 5986800 w 12191996"/>
              <a:gd name="connsiteY453" fmla="*/ 1317600 h 6857997"/>
              <a:gd name="connsiteX454" fmla="*/ 0 w 12191996"/>
              <a:gd name="connsiteY454" fmla="*/ 1317600 h 6857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Lst>
            <a:rect l="l" t="t" r="r" b="b"/>
            <a:pathLst>
              <a:path w="12191996" h="6857997">
                <a:moveTo>
                  <a:pt x="315784" y="5769765"/>
                </a:moveTo>
                <a:lnTo>
                  <a:pt x="315784" y="6543765"/>
                </a:lnTo>
                <a:lnTo>
                  <a:pt x="320399" y="6543765"/>
                </a:lnTo>
                <a:lnTo>
                  <a:pt x="320399" y="6544696"/>
                </a:lnTo>
                <a:lnTo>
                  <a:pt x="608399" y="6544696"/>
                </a:lnTo>
                <a:lnTo>
                  <a:pt x="608399" y="6530296"/>
                </a:lnTo>
                <a:lnTo>
                  <a:pt x="330184" y="6530296"/>
                </a:lnTo>
                <a:lnTo>
                  <a:pt x="330184" y="5769765"/>
                </a:lnTo>
                <a:close/>
                <a:moveTo>
                  <a:pt x="11247909" y="918989"/>
                </a:moveTo>
                <a:lnTo>
                  <a:pt x="11275376" y="918989"/>
                </a:lnTo>
                <a:cubicBezTo>
                  <a:pt x="11289274" y="918989"/>
                  <a:pt x="11298668" y="920579"/>
                  <a:pt x="11303722" y="923705"/>
                </a:cubicBezTo>
                <a:cubicBezTo>
                  <a:pt x="11309092" y="927573"/>
                  <a:pt x="11311966" y="934023"/>
                  <a:pt x="11311248" y="940595"/>
                </a:cubicBezTo>
                <a:cubicBezTo>
                  <a:pt x="11311275" y="950256"/>
                  <a:pt x="11305976" y="959149"/>
                  <a:pt x="11297459" y="963737"/>
                </a:cubicBezTo>
                <a:cubicBezTo>
                  <a:pt x="11288121" y="969440"/>
                  <a:pt x="11274222" y="972237"/>
                  <a:pt x="11255160" y="972237"/>
                </a:cubicBezTo>
                <a:cubicBezTo>
                  <a:pt x="11244962" y="972827"/>
                  <a:pt x="11234792" y="970667"/>
                  <a:pt x="11225716" y="965986"/>
                </a:cubicBezTo>
                <a:cubicBezTo>
                  <a:pt x="11219152" y="962209"/>
                  <a:pt x="11215220" y="955118"/>
                  <a:pt x="11215499" y="947560"/>
                </a:cubicBezTo>
                <a:lnTo>
                  <a:pt x="11215609" y="947560"/>
                </a:lnTo>
                <a:cubicBezTo>
                  <a:pt x="11215002" y="939633"/>
                  <a:pt x="11218009" y="931856"/>
                  <a:pt x="11223794" y="926392"/>
                </a:cubicBezTo>
                <a:cubicBezTo>
                  <a:pt x="11230669" y="921090"/>
                  <a:pt x="11239238" y="918460"/>
                  <a:pt x="11247909" y="918989"/>
                </a:cubicBezTo>
                <a:close/>
                <a:moveTo>
                  <a:pt x="10417920" y="825763"/>
                </a:moveTo>
                <a:lnTo>
                  <a:pt x="10478072" y="883782"/>
                </a:lnTo>
                <a:cubicBezTo>
                  <a:pt x="10463353" y="897901"/>
                  <a:pt x="10443540" y="905476"/>
                  <a:pt x="10423139" y="904786"/>
                </a:cubicBezTo>
                <a:cubicBezTo>
                  <a:pt x="10412824" y="905296"/>
                  <a:pt x="10402691" y="901931"/>
                  <a:pt x="10394738" y="895353"/>
                </a:cubicBezTo>
                <a:cubicBezTo>
                  <a:pt x="10387580" y="888921"/>
                  <a:pt x="10383688" y="879622"/>
                  <a:pt x="10384136" y="870018"/>
                </a:cubicBezTo>
                <a:cubicBezTo>
                  <a:pt x="10384029" y="864583"/>
                  <a:pt x="10385058" y="859185"/>
                  <a:pt x="10387157" y="854169"/>
                </a:cubicBezTo>
                <a:cubicBezTo>
                  <a:pt x="10389347" y="849243"/>
                  <a:pt x="10392504" y="844805"/>
                  <a:pt x="10396441" y="841118"/>
                </a:cubicBezTo>
                <a:cubicBezTo>
                  <a:pt x="10403069" y="835296"/>
                  <a:pt x="10410265" y="830152"/>
                  <a:pt x="10417920" y="825763"/>
                </a:cubicBezTo>
                <a:close/>
                <a:moveTo>
                  <a:pt x="10907926" y="788965"/>
                </a:moveTo>
                <a:cubicBezTo>
                  <a:pt x="10918366" y="788292"/>
                  <a:pt x="10928530" y="792483"/>
                  <a:pt x="10935448" y="800317"/>
                </a:cubicBezTo>
                <a:cubicBezTo>
                  <a:pt x="10942415" y="809820"/>
                  <a:pt x="10945800" y="821471"/>
                  <a:pt x="10945006" y="833221"/>
                </a:cubicBezTo>
                <a:lnTo>
                  <a:pt x="10866452" y="833221"/>
                </a:lnTo>
                <a:cubicBezTo>
                  <a:pt x="10866973" y="821297"/>
                  <a:pt x="10871435" y="809881"/>
                  <a:pt x="10879141" y="800755"/>
                </a:cubicBezTo>
                <a:cubicBezTo>
                  <a:pt x="10886536" y="792796"/>
                  <a:pt x="10897062" y="788484"/>
                  <a:pt x="10907926" y="788965"/>
                </a:cubicBezTo>
                <a:close/>
                <a:moveTo>
                  <a:pt x="11261038" y="786552"/>
                </a:moveTo>
                <a:cubicBezTo>
                  <a:pt x="11283451" y="786552"/>
                  <a:pt x="11294658" y="797794"/>
                  <a:pt x="11294658" y="820278"/>
                </a:cubicBezTo>
                <a:cubicBezTo>
                  <a:pt x="11294658" y="841501"/>
                  <a:pt x="11283396" y="852469"/>
                  <a:pt x="11261423" y="852469"/>
                </a:cubicBezTo>
                <a:cubicBezTo>
                  <a:pt x="11252463" y="853033"/>
                  <a:pt x="11243624" y="850170"/>
                  <a:pt x="11236703" y="844462"/>
                </a:cubicBezTo>
                <a:cubicBezTo>
                  <a:pt x="11230416" y="838195"/>
                  <a:pt x="11227168" y="829509"/>
                  <a:pt x="11227804" y="820662"/>
                </a:cubicBezTo>
                <a:lnTo>
                  <a:pt x="11227914" y="820662"/>
                </a:lnTo>
                <a:cubicBezTo>
                  <a:pt x="11227168" y="811361"/>
                  <a:pt x="11230241" y="802156"/>
                  <a:pt x="11236428" y="795162"/>
                </a:cubicBezTo>
                <a:cubicBezTo>
                  <a:pt x="11243097" y="789037"/>
                  <a:pt x="11251998" y="785923"/>
                  <a:pt x="11261038" y="786552"/>
                </a:cubicBezTo>
                <a:close/>
                <a:moveTo>
                  <a:pt x="11141559" y="772733"/>
                </a:moveTo>
                <a:lnTo>
                  <a:pt x="11141559" y="922389"/>
                </a:lnTo>
                <a:lnTo>
                  <a:pt x="11164301" y="922389"/>
                </a:lnTo>
                <a:lnTo>
                  <a:pt x="11164301" y="772733"/>
                </a:lnTo>
                <a:close/>
                <a:moveTo>
                  <a:pt x="11054104" y="770155"/>
                </a:moveTo>
                <a:cubicBezTo>
                  <a:pt x="11039695" y="769380"/>
                  <a:pt x="11025399" y="773077"/>
                  <a:pt x="11013179" y="780739"/>
                </a:cubicBezTo>
                <a:cubicBezTo>
                  <a:pt x="11003596" y="787200"/>
                  <a:pt x="10997982" y="798099"/>
                  <a:pt x="10998292" y="809639"/>
                </a:cubicBezTo>
                <a:cubicBezTo>
                  <a:pt x="10998116" y="815784"/>
                  <a:pt x="10999596" y="821864"/>
                  <a:pt x="11002577" y="827243"/>
                </a:cubicBezTo>
                <a:cubicBezTo>
                  <a:pt x="11005890" y="832605"/>
                  <a:pt x="11010403" y="837129"/>
                  <a:pt x="11015761" y="840459"/>
                </a:cubicBezTo>
                <a:cubicBezTo>
                  <a:pt x="11025179" y="845974"/>
                  <a:pt x="11035137" y="850512"/>
                  <a:pt x="11045480" y="854004"/>
                </a:cubicBezTo>
                <a:cubicBezTo>
                  <a:pt x="11055978" y="857526"/>
                  <a:pt x="11065941" y="862471"/>
                  <a:pt x="11075089" y="868701"/>
                </a:cubicBezTo>
                <a:cubicBezTo>
                  <a:pt x="11077090" y="870230"/>
                  <a:pt x="11078775" y="872131"/>
                  <a:pt x="11080051" y="874300"/>
                </a:cubicBezTo>
                <a:cubicBezTo>
                  <a:pt x="11085505" y="883571"/>
                  <a:pt x="11082398" y="895501"/>
                  <a:pt x="11073112" y="900946"/>
                </a:cubicBezTo>
                <a:cubicBezTo>
                  <a:pt x="11064599" y="905154"/>
                  <a:pt x="11055124" y="907046"/>
                  <a:pt x="11045645" y="906430"/>
                </a:cubicBezTo>
                <a:cubicBezTo>
                  <a:pt x="11037599" y="906378"/>
                  <a:pt x="11029590" y="905328"/>
                  <a:pt x="11021804" y="903304"/>
                </a:cubicBezTo>
                <a:cubicBezTo>
                  <a:pt x="11013782" y="901297"/>
                  <a:pt x="11006007" y="898410"/>
                  <a:pt x="10998622" y="894695"/>
                </a:cubicBezTo>
                <a:lnTo>
                  <a:pt x="10998622" y="915698"/>
                </a:lnTo>
                <a:cubicBezTo>
                  <a:pt x="11009718" y="921986"/>
                  <a:pt x="11025210" y="925130"/>
                  <a:pt x="11045095" y="925130"/>
                </a:cubicBezTo>
                <a:cubicBezTo>
                  <a:pt x="11063993" y="925130"/>
                  <a:pt x="11078641" y="921365"/>
                  <a:pt x="11089042" y="913833"/>
                </a:cubicBezTo>
                <a:cubicBezTo>
                  <a:pt x="11099370" y="906410"/>
                  <a:pt x="11105240" y="894279"/>
                  <a:pt x="11104643" y="881588"/>
                </a:cubicBezTo>
                <a:cubicBezTo>
                  <a:pt x="11104920" y="872390"/>
                  <a:pt x="11101498" y="863464"/>
                  <a:pt x="11095140" y="856801"/>
                </a:cubicBezTo>
                <a:cubicBezTo>
                  <a:pt x="11088914" y="850257"/>
                  <a:pt x="11076902" y="843749"/>
                  <a:pt x="11059103" y="837278"/>
                </a:cubicBezTo>
                <a:cubicBezTo>
                  <a:pt x="11050118" y="834205"/>
                  <a:pt x="11041346" y="830541"/>
                  <a:pt x="11032845" y="826310"/>
                </a:cubicBezTo>
                <a:cubicBezTo>
                  <a:pt x="11028997" y="824380"/>
                  <a:pt x="11025620" y="821628"/>
                  <a:pt x="11022957" y="818249"/>
                </a:cubicBezTo>
                <a:cubicBezTo>
                  <a:pt x="11020808" y="815290"/>
                  <a:pt x="11019706" y="811702"/>
                  <a:pt x="11019826" y="808049"/>
                </a:cubicBezTo>
                <a:cubicBezTo>
                  <a:pt x="11019752" y="802234"/>
                  <a:pt x="11022930" y="796863"/>
                  <a:pt x="11028066" y="794120"/>
                </a:cubicBezTo>
                <a:cubicBezTo>
                  <a:pt x="11035567" y="790255"/>
                  <a:pt x="11043977" y="788493"/>
                  <a:pt x="11052402" y="789020"/>
                </a:cubicBezTo>
                <a:cubicBezTo>
                  <a:pt x="11066521" y="789442"/>
                  <a:pt x="11080422" y="792609"/>
                  <a:pt x="11093327" y="798342"/>
                </a:cubicBezTo>
                <a:lnTo>
                  <a:pt x="11101457" y="780026"/>
                </a:lnTo>
                <a:cubicBezTo>
                  <a:pt x="11086513" y="773546"/>
                  <a:pt x="11070398" y="770186"/>
                  <a:pt x="11054104" y="770155"/>
                </a:cubicBezTo>
                <a:close/>
                <a:moveTo>
                  <a:pt x="10908201" y="769991"/>
                </a:moveTo>
                <a:cubicBezTo>
                  <a:pt x="10889764" y="769278"/>
                  <a:pt x="10872042" y="777161"/>
                  <a:pt x="10860244" y="791323"/>
                </a:cubicBezTo>
                <a:cubicBezTo>
                  <a:pt x="10848342" y="805508"/>
                  <a:pt x="10842391" y="824665"/>
                  <a:pt x="10842391" y="848794"/>
                </a:cubicBezTo>
                <a:cubicBezTo>
                  <a:pt x="10842208" y="872777"/>
                  <a:pt x="10848617" y="891496"/>
                  <a:pt x="10861618" y="904950"/>
                </a:cubicBezTo>
                <a:cubicBezTo>
                  <a:pt x="10874618" y="918403"/>
                  <a:pt x="10892105" y="925130"/>
                  <a:pt x="10914079" y="925130"/>
                </a:cubicBezTo>
                <a:cubicBezTo>
                  <a:pt x="10922776" y="925279"/>
                  <a:pt x="10931466" y="924525"/>
                  <a:pt x="10940007" y="922882"/>
                </a:cubicBezTo>
                <a:cubicBezTo>
                  <a:pt x="10947834" y="921177"/>
                  <a:pt x="10955471" y="918697"/>
                  <a:pt x="10962805" y="915479"/>
                </a:cubicBezTo>
                <a:lnTo>
                  <a:pt x="10962805" y="895243"/>
                </a:lnTo>
                <a:cubicBezTo>
                  <a:pt x="10947694" y="901834"/>
                  <a:pt x="10931393" y="905269"/>
                  <a:pt x="10914903" y="905335"/>
                </a:cubicBezTo>
                <a:cubicBezTo>
                  <a:pt x="10901602" y="906127"/>
                  <a:pt x="10888606" y="901150"/>
                  <a:pt x="10879251" y="891680"/>
                </a:cubicBezTo>
                <a:cubicBezTo>
                  <a:pt x="10870828" y="882576"/>
                  <a:pt x="10866378" y="869249"/>
                  <a:pt x="10865902" y="851702"/>
                </a:cubicBezTo>
                <a:lnTo>
                  <a:pt x="10969287" y="851702"/>
                </a:lnTo>
                <a:lnTo>
                  <a:pt x="10969287" y="837334"/>
                </a:lnTo>
                <a:cubicBezTo>
                  <a:pt x="10970078" y="819582"/>
                  <a:pt x="10964201" y="802177"/>
                  <a:pt x="10952807" y="788526"/>
                </a:cubicBezTo>
                <a:cubicBezTo>
                  <a:pt x="10941461" y="776003"/>
                  <a:pt x="10925098" y="769203"/>
                  <a:pt x="10908201" y="769991"/>
                </a:cubicBezTo>
                <a:close/>
                <a:moveTo>
                  <a:pt x="11436880" y="769990"/>
                </a:moveTo>
                <a:cubicBezTo>
                  <a:pt x="11427198" y="769855"/>
                  <a:pt x="11417614" y="771937"/>
                  <a:pt x="11408864" y="776077"/>
                </a:cubicBezTo>
                <a:cubicBezTo>
                  <a:pt x="11400824" y="779798"/>
                  <a:pt x="11394033" y="785759"/>
                  <a:pt x="11389308" y="793242"/>
                </a:cubicBezTo>
                <a:lnTo>
                  <a:pt x="11388209" y="793242"/>
                </a:lnTo>
                <a:lnTo>
                  <a:pt x="11384474" y="772732"/>
                </a:lnTo>
                <a:lnTo>
                  <a:pt x="11365851" y="772732"/>
                </a:lnTo>
                <a:lnTo>
                  <a:pt x="11365851" y="922443"/>
                </a:lnTo>
                <a:lnTo>
                  <a:pt x="11388594" y="922443"/>
                </a:lnTo>
                <a:lnTo>
                  <a:pt x="11388594" y="843968"/>
                </a:lnTo>
                <a:cubicBezTo>
                  <a:pt x="11388594" y="824445"/>
                  <a:pt x="11392256" y="810461"/>
                  <a:pt x="11399580" y="802016"/>
                </a:cubicBezTo>
                <a:cubicBezTo>
                  <a:pt x="11406905" y="793571"/>
                  <a:pt x="11418386" y="789348"/>
                  <a:pt x="11434023" y="789348"/>
                </a:cubicBezTo>
                <a:cubicBezTo>
                  <a:pt x="11445889" y="789348"/>
                  <a:pt x="11454678" y="792310"/>
                  <a:pt x="11460172" y="798342"/>
                </a:cubicBezTo>
                <a:cubicBezTo>
                  <a:pt x="11466336" y="806095"/>
                  <a:pt x="11469320" y="815896"/>
                  <a:pt x="11468522" y="825762"/>
                </a:cubicBezTo>
                <a:lnTo>
                  <a:pt x="11468522" y="922388"/>
                </a:lnTo>
                <a:lnTo>
                  <a:pt x="11491319" y="922388"/>
                </a:lnTo>
                <a:lnTo>
                  <a:pt x="11491319" y="824774"/>
                </a:lnTo>
                <a:cubicBezTo>
                  <a:pt x="11491319" y="805636"/>
                  <a:pt x="11486759" y="791706"/>
                  <a:pt x="11477640" y="783042"/>
                </a:cubicBezTo>
                <a:cubicBezTo>
                  <a:pt x="11468522" y="774377"/>
                  <a:pt x="11454953" y="769990"/>
                  <a:pt x="11436880" y="769990"/>
                </a:cubicBezTo>
                <a:close/>
                <a:moveTo>
                  <a:pt x="11261862" y="769826"/>
                </a:moveTo>
                <a:cubicBezTo>
                  <a:pt x="11243844" y="769826"/>
                  <a:pt x="11229836" y="774268"/>
                  <a:pt x="11220003" y="783152"/>
                </a:cubicBezTo>
                <a:cubicBezTo>
                  <a:pt x="11209752" y="793011"/>
                  <a:pt x="11204350" y="806863"/>
                  <a:pt x="11205226" y="821046"/>
                </a:cubicBezTo>
                <a:cubicBezTo>
                  <a:pt x="11205074" y="830312"/>
                  <a:pt x="11207632" y="839422"/>
                  <a:pt x="11212587" y="847259"/>
                </a:cubicBezTo>
                <a:cubicBezTo>
                  <a:pt x="11216963" y="854618"/>
                  <a:pt x="11223586" y="860384"/>
                  <a:pt x="11231484" y="863711"/>
                </a:cubicBezTo>
                <a:cubicBezTo>
                  <a:pt x="11226145" y="866706"/>
                  <a:pt x="11221458" y="870732"/>
                  <a:pt x="11217696" y="875556"/>
                </a:cubicBezTo>
                <a:cubicBezTo>
                  <a:pt x="11214744" y="879760"/>
                  <a:pt x="11213205" y="884791"/>
                  <a:pt x="11213301" y="889924"/>
                </a:cubicBezTo>
                <a:cubicBezTo>
                  <a:pt x="11213217" y="894453"/>
                  <a:pt x="11214584" y="898891"/>
                  <a:pt x="11217201" y="902592"/>
                </a:cubicBezTo>
                <a:cubicBezTo>
                  <a:pt x="11219615" y="906120"/>
                  <a:pt x="11222962" y="908911"/>
                  <a:pt x="11226870" y="910653"/>
                </a:cubicBezTo>
                <a:cubicBezTo>
                  <a:pt x="11217404" y="912407"/>
                  <a:pt x="11208756" y="917156"/>
                  <a:pt x="11202205" y="924198"/>
                </a:cubicBezTo>
                <a:cubicBezTo>
                  <a:pt x="11196431" y="930707"/>
                  <a:pt x="11193314" y="939141"/>
                  <a:pt x="11193470" y="947834"/>
                </a:cubicBezTo>
                <a:cubicBezTo>
                  <a:pt x="11192992" y="960187"/>
                  <a:pt x="11199039" y="971885"/>
                  <a:pt x="11209401" y="978653"/>
                </a:cubicBezTo>
                <a:cubicBezTo>
                  <a:pt x="11220058" y="985965"/>
                  <a:pt x="11235183" y="989621"/>
                  <a:pt x="11254776" y="989621"/>
                </a:cubicBezTo>
                <a:cubicBezTo>
                  <a:pt x="11280265" y="989585"/>
                  <a:pt x="11299693" y="985234"/>
                  <a:pt x="11313060" y="976570"/>
                </a:cubicBezTo>
                <a:cubicBezTo>
                  <a:pt x="11326005" y="968514"/>
                  <a:pt x="11333651" y="954168"/>
                  <a:pt x="11333111" y="938950"/>
                </a:cubicBezTo>
                <a:cubicBezTo>
                  <a:pt x="11333833" y="927498"/>
                  <a:pt x="11328962" y="916404"/>
                  <a:pt x="11320037" y="909172"/>
                </a:cubicBezTo>
                <a:cubicBezTo>
                  <a:pt x="11311357" y="902336"/>
                  <a:pt x="11298887" y="898917"/>
                  <a:pt x="11282627" y="898917"/>
                </a:cubicBezTo>
                <a:lnTo>
                  <a:pt x="11256094" y="898917"/>
                </a:lnTo>
                <a:cubicBezTo>
                  <a:pt x="11250159" y="899338"/>
                  <a:pt x="11244209" y="898342"/>
                  <a:pt x="11238735" y="896011"/>
                </a:cubicBezTo>
                <a:cubicBezTo>
                  <a:pt x="11235436" y="894201"/>
                  <a:pt x="11233470" y="890660"/>
                  <a:pt x="11233682" y="886908"/>
                </a:cubicBezTo>
                <a:cubicBezTo>
                  <a:pt x="11233682" y="879194"/>
                  <a:pt x="11238516" y="872777"/>
                  <a:pt x="11248184" y="867659"/>
                </a:cubicBezTo>
                <a:cubicBezTo>
                  <a:pt x="11252335" y="868404"/>
                  <a:pt x="11256546" y="868771"/>
                  <a:pt x="11260764" y="868756"/>
                </a:cubicBezTo>
                <a:cubicBezTo>
                  <a:pt x="11275679" y="869601"/>
                  <a:pt x="11290384" y="864935"/>
                  <a:pt x="11302074" y="855649"/>
                </a:cubicBezTo>
                <a:cubicBezTo>
                  <a:pt x="11312128" y="846809"/>
                  <a:pt x="11317657" y="833917"/>
                  <a:pt x="11317125" y="820552"/>
                </a:cubicBezTo>
                <a:cubicBezTo>
                  <a:pt x="11317200" y="814603"/>
                  <a:pt x="11316176" y="808692"/>
                  <a:pt x="11314104" y="803114"/>
                </a:cubicBezTo>
                <a:cubicBezTo>
                  <a:pt x="11312433" y="798636"/>
                  <a:pt x="11310121" y="794424"/>
                  <a:pt x="11307237" y="790610"/>
                </a:cubicBezTo>
                <a:lnTo>
                  <a:pt x="11335034" y="787375"/>
                </a:lnTo>
                <a:lnTo>
                  <a:pt x="11335034" y="772733"/>
                </a:lnTo>
                <a:lnTo>
                  <a:pt x="11283067" y="772568"/>
                </a:lnTo>
                <a:cubicBezTo>
                  <a:pt x="11276163" y="770665"/>
                  <a:pt x="11269024" y="769742"/>
                  <a:pt x="11261862" y="769826"/>
                </a:cubicBezTo>
                <a:close/>
                <a:moveTo>
                  <a:pt x="10673196" y="742846"/>
                </a:moveTo>
                <a:lnTo>
                  <a:pt x="10706980" y="742846"/>
                </a:lnTo>
                <a:cubicBezTo>
                  <a:pt x="10732798" y="742846"/>
                  <a:pt x="10752245" y="749445"/>
                  <a:pt x="10765319" y="762643"/>
                </a:cubicBezTo>
                <a:cubicBezTo>
                  <a:pt x="10778393" y="775841"/>
                  <a:pt x="10784930" y="795455"/>
                  <a:pt x="10784930" y="821485"/>
                </a:cubicBezTo>
                <a:cubicBezTo>
                  <a:pt x="10784930" y="848320"/>
                  <a:pt x="10777954" y="868537"/>
                  <a:pt x="10764001" y="882137"/>
                </a:cubicBezTo>
                <a:cubicBezTo>
                  <a:pt x="10750048" y="895737"/>
                  <a:pt x="10729210" y="902537"/>
                  <a:pt x="10701487" y="902537"/>
                </a:cubicBezTo>
                <a:lnTo>
                  <a:pt x="10673196" y="902537"/>
                </a:lnTo>
                <a:close/>
                <a:moveTo>
                  <a:pt x="10429292" y="738349"/>
                </a:moveTo>
                <a:cubicBezTo>
                  <a:pt x="10436191" y="738011"/>
                  <a:pt x="10442951" y="740371"/>
                  <a:pt x="10448134" y="744930"/>
                </a:cubicBezTo>
                <a:cubicBezTo>
                  <a:pt x="10452824" y="749387"/>
                  <a:pt x="10455383" y="755633"/>
                  <a:pt x="10455165" y="762094"/>
                </a:cubicBezTo>
                <a:cubicBezTo>
                  <a:pt x="10455261" y="769367"/>
                  <a:pt x="10452813" y="776446"/>
                  <a:pt x="10448244" y="782111"/>
                </a:cubicBezTo>
                <a:cubicBezTo>
                  <a:pt x="10441212" y="789783"/>
                  <a:pt x="10432904" y="796184"/>
                  <a:pt x="10423688" y="801030"/>
                </a:cubicBezTo>
                <a:cubicBezTo>
                  <a:pt x="10417272" y="794880"/>
                  <a:pt x="10411627" y="787975"/>
                  <a:pt x="10406879" y="780466"/>
                </a:cubicBezTo>
                <a:cubicBezTo>
                  <a:pt x="10403651" y="775018"/>
                  <a:pt x="10401944" y="768807"/>
                  <a:pt x="10401935" y="762478"/>
                </a:cubicBezTo>
                <a:lnTo>
                  <a:pt x="10401770" y="762478"/>
                </a:lnTo>
                <a:cubicBezTo>
                  <a:pt x="10401501" y="755733"/>
                  <a:pt x="10404358" y="749241"/>
                  <a:pt x="10409516" y="744875"/>
                </a:cubicBezTo>
                <a:cubicBezTo>
                  <a:pt x="10415071" y="740330"/>
                  <a:pt x="10422118" y="738005"/>
                  <a:pt x="10429292" y="738349"/>
                </a:cubicBezTo>
                <a:close/>
                <a:moveTo>
                  <a:pt x="10649904" y="722775"/>
                </a:moveTo>
                <a:lnTo>
                  <a:pt x="10649904" y="922389"/>
                </a:lnTo>
                <a:lnTo>
                  <a:pt x="10705332" y="922389"/>
                </a:lnTo>
                <a:cubicBezTo>
                  <a:pt x="10738951" y="922499"/>
                  <a:pt x="10764733" y="913798"/>
                  <a:pt x="10782678" y="896286"/>
                </a:cubicBezTo>
                <a:cubicBezTo>
                  <a:pt x="10800623" y="878774"/>
                  <a:pt x="10809595" y="853566"/>
                  <a:pt x="10809595" y="820663"/>
                </a:cubicBezTo>
                <a:cubicBezTo>
                  <a:pt x="10809595" y="789770"/>
                  <a:pt x="10800971" y="765732"/>
                  <a:pt x="10783722" y="748549"/>
                </a:cubicBezTo>
                <a:cubicBezTo>
                  <a:pt x="10766473" y="731366"/>
                  <a:pt x="10742302" y="722775"/>
                  <a:pt x="10711210" y="722775"/>
                </a:cubicBezTo>
                <a:close/>
                <a:moveTo>
                  <a:pt x="10430115" y="719759"/>
                </a:moveTo>
                <a:cubicBezTo>
                  <a:pt x="10416675" y="718936"/>
                  <a:pt x="10403395" y="723030"/>
                  <a:pt x="10392761" y="731275"/>
                </a:cubicBezTo>
                <a:cubicBezTo>
                  <a:pt x="10383632" y="739303"/>
                  <a:pt x="10378692" y="751065"/>
                  <a:pt x="10379357" y="763191"/>
                </a:cubicBezTo>
                <a:cubicBezTo>
                  <a:pt x="10379342" y="768302"/>
                  <a:pt x="10380178" y="773380"/>
                  <a:pt x="10381829" y="778217"/>
                </a:cubicBezTo>
                <a:cubicBezTo>
                  <a:pt x="10383472" y="783102"/>
                  <a:pt x="10385685" y="787777"/>
                  <a:pt x="10388421" y="792146"/>
                </a:cubicBezTo>
                <a:cubicBezTo>
                  <a:pt x="10393184" y="799102"/>
                  <a:pt x="10398473" y="805684"/>
                  <a:pt x="10404242" y="811834"/>
                </a:cubicBezTo>
                <a:cubicBezTo>
                  <a:pt x="10391022" y="818409"/>
                  <a:pt x="10379384" y="827763"/>
                  <a:pt x="10370128" y="839253"/>
                </a:cubicBezTo>
                <a:cubicBezTo>
                  <a:pt x="10363739" y="848474"/>
                  <a:pt x="10360414" y="859466"/>
                  <a:pt x="10360625" y="870676"/>
                </a:cubicBezTo>
                <a:cubicBezTo>
                  <a:pt x="10359766" y="885798"/>
                  <a:pt x="10365707" y="900516"/>
                  <a:pt x="10376830" y="910818"/>
                </a:cubicBezTo>
                <a:cubicBezTo>
                  <a:pt x="10387597" y="920470"/>
                  <a:pt x="10402795" y="925296"/>
                  <a:pt x="10422425" y="925296"/>
                </a:cubicBezTo>
                <a:cubicBezTo>
                  <a:pt x="10448464" y="926054"/>
                  <a:pt x="10473711" y="916309"/>
                  <a:pt x="10492465" y="898260"/>
                </a:cubicBezTo>
                <a:lnTo>
                  <a:pt x="10517789" y="922554"/>
                </a:lnTo>
                <a:lnTo>
                  <a:pt x="10549101" y="922554"/>
                </a:lnTo>
                <a:lnTo>
                  <a:pt x="10508231" y="882850"/>
                </a:lnTo>
                <a:cubicBezTo>
                  <a:pt x="10520719" y="869396"/>
                  <a:pt x="10530058" y="849636"/>
                  <a:pt x="10536247" y="823569"/>
                </a:cubicBezTo>
                <a:lnTo>
                  <a:pt x="10513285" y="823569"/>
                </a:lnTo>
                <a:cubicBezTo>
                  <a:pt x="10511335" y="832051"/>
                  <a:pt x="10508746" y="840374"/>
                  <a:pt x="10505539" y="848466"/>
                </a:cubicBezTo>
                <a:cubicBezTo>
                  <a:pt x="10502667" y="855773"/>
                  <a:pt x="10498519" y="862513"/>
                  <a:pt x="10493289" y="868373"/>
                </a:cubicBezTo>
                <a:lnTo>
                  <a:pt x="10437641" y="814959"/>
                </a:lnTo>
                <a:cubicBezTo>
                  <a:pt x="10449398" y="808634"/>
                  <a:pt x="10459839" y="800128"/>
                  <a:pt x="10468404" y="789898"/>
                </a:cubicBezTo>
                <a:cubicBezTo>
                  <a:pt x="10474423" y="782188"/>
                  <a:pt x="10477690" y="772692"/>
                  <a:pt x="10477688" y="762917"/>
                </a:cubicBezTo>
                <a:cubicBezTo>
                  <a:pt x="10478348" y="750984"/>
                  <a:pt x="10473705" y="739368"/>
                  <a:pt x="10464998" y="731165"/>
                </a:cubicBezTo>
                <a:cubicBezTo>
                  <a:pt x="10455213" y="723133"/>
                  <a:pt x="10442764" y="719062"/>
                  <a:pt x="10430115" y="719759"/>
                </a:cubicBezTo>
                <a:close/>
                <a:moveTo>
                  <a:pt x="11153040" y="717181"/>
                </a:moveTo>
                <a:cubicBezTo>
                  <a:pt x="11149501" y="717085"/>
                  <a:pt x="11146066" y="718386"/>
                  <a:pt x="11143481" y="720800"/>
                </a:cubicBezTo>
                <a:cubicBezTo>
                  <a:pt x="11140675" y="723908"/>
                  <a:pt x="11139283" y="728038"/>
                  <a:pt x="11139636" y="732207"/>
                </a:cubicBezTo>
                <a:cubicBezTo>
                  <a:pt x="11139322" y="736371"/>
                  <a:pt x="11140709" y="740485"/>
                  <a:pt x="11143481" y="743613"/>
                </a:cubicBezTo>
                <a:cubicBezTo>
                  <a:pt x="11148837" y="748587"/>
                  <a:pt x="11157132" y="748587"/>
                  <a:pt x="11162488" y="743613"/>
                </a:cubicBezTo>
                <a:cubicBezTo>
                  <a:pt x="11165360" y="740536"/>
                  <a:pt x="11166813" y="736401"/>
                  <a:pt x="11166498" y="732207"/>
                </a:cubicBezTo>
                <a:cubicBezTo>
                  <a:pt x="11166825" y="728028"/>
                  <a:pt x="11165369" y="723905"/>
                  <a:pt x="11162488" y="720855"/>
                </a:cubicBezTo>
                <a:cubicBezTo>
                  <a:pt x="11159949" y="718432"/>
                  <a:pt x="11156552" y="717111"/>
                  <a:pt x="11153040" y="717181"/>
                </a:cubicBezTo>
                <a:close/>
                <a:moveTo>
                  <a:pt x="10732579" y="622860"/>
                </a:moveTo>
                <a:lnTo>
                  <a:pt x="10760046" y="622860"/>
                </a:lnTo>
                <a:cubicBezTo>
                  <a:pt x="10773889" y="622897"/>
                  <a:pt x="10783338" y="624469"/>
                  <a:pt x="10788392" y="627575"/>
                </a:cubicBezTo>
                <a:cubicBezTo>
                  <a:pt x="10793750" y="631449"/>
                  <a:pt x="10796605" y="637904"/>
                  <a:pt x="10795863" y="644467"/>
                </a:cubicBezTo>
                <a:cubicBezTo>
                  <a:pt x="10795913" y="654119"/>
                  <a:pt x="10790634" y="663014"/>
                  <a:pt x="10782129" y="667609"/>
                </a:cubicBezTo>
                <a:cubicBezTo>
                  <a:pt x="10772736" y="673311"/>
                  <a:pt x="10758838" y="676108"/>
                  <a:pt x="10739776" y="676108"/>
                </a:cubicBezTo>
                <a:cubicBezTo>
                  <a:pt x="10729595" y="676691"/>
                  <a:pt x="10719445" y="674532"/>
                  <a:pt x="10710386" y="669857"/>
                </a:cubicBezTo>
                <a:cubicBezTo>
                  <a:pt x="10703810" y="666086"/>
                  <a:pt x="10699858" y="658998"/>
                  <a:pt x="10700114" y="651430"/>
                </a:cubicBezTo>
                <a:cubicBezTo>
                  <a:pt x="10699633" y="643425"/>
                  <a:pt x="10702827" y="635635"/>
                  <a:pt x="10708793" y="630263"/>
                </a:cubicBezTo>
                <a:cubicBezTo>
                  <a:pt x="10715579" y="625033"/>
                  <a:pt x="10724019" y="622405"/>
                  <a:pt x="10732579" y="622860"/>
                </a:cubicBezTo>
                <a:close/>
                <a:moveTo>
                  <a:pt x="11800264" y="622859"/>
                </a:moveTo>
                <a:lnTo>
                  <a:pt x="11827731" y="622859"/>
                </a:lnTo>
                <a:cubicBezTo>
                  <a:pt x="11841574" y="622859"/>
                  <a:pt x="11851023" y="624449"/>
                  <a:pt x="11856022" y="627575"/>
                </a:cubicBezTo>
                <a:cubicBezTo>
                  <a:pt x="11861410" y="631428"/>
                  <a:pt x="11864290" y="637890"/>
                  <a:pt x="11863548" y="644465"/>
                </a:cubicBezTo>
                <a:cubicBezTo>
                  <a:pt x="11863598" y="654118"/>
                  <a:pt x="11858319" y="663014"/>
                  <a:pt x="11849814" y="667607"/>
                </a:cubicBezTo>
                <a:cubicBezTo>
                  <a:pt x="11840421" y="673311"/>
                  <a:pt x="11826522" y="676107"/>
                  <a:pt x="11807460" y="676107"/>
                </a:cubicBezTo>
                <a:cubicBezTo>
                  <a:pt x="11797334" y="676668"/>
                  <a:pt x="11787243" y="674509"/>
                  <a:pt x="11778236" y="669856"/>
                </a:cubicBezTo>
                <a:cubicBezTo>
                  <a:pt x="11771642" y="666103"/>
                  <a:pt x="11767683" y="659002"/>
                  <a:pt x="11767963" y="651430"/>
                </a:cubicBezTo>
                <a:cubicBezTo>
                  <a:pt x="11767347" y="643491"/>
                  <a:pt x="11770378" y="635702"/>
                  <a:pt x="11776203" y="630262"/>
                </a:cubicBezTo>
                <a:cubicBezTo>
                  <a:pt x="11783062" y="624969"/>
                  <a:pt x="11791611" y="622338"/>
                  <a:pt x="11800264" y="622859"/>
                </a:cubicBezTo>
                <a:close/>
                <a:moveTo>
                  <a:pt x="11307567" y="492835"/>
                </a:moveTo>
                <a:cubicBezTo>
                  <a:pt x="11317965" y="492221"/>
                  <a:pt x="11328070" y="496405"/>
                  <a:pt x="11334979" y="504187"/>
                </a:cubicBezTo>
                <a:cubicBezTo>
                  <a:pt x="11341946" y="513689"/>
                  <a:pt x="11345331" y="525341"/>
                  <a:pt x="11344537" y="537090"/>
                </a:cubicBezTo>
                <a:lnTo>
                  <a:pt x="11266147" y="537090"/>
                </a:lnTo>
                <a:cubicBezTo>
                  <a:pt x="11266648" y="525172"/>
                  <a:pt x="11271091" y="513755"/>
                  <a:pt x="11278782" y="504625"/>
                </a:cubicBezTo>
                <a:cubicBezTo>
                  <a:pt x="11286185" y="496679"/>
                  <a:pt x="11296706" y="492369"/>
                  <a:pt x="11307567" y="492835"/>
                </a:cubicBezTo>
                <a:close/>
                <a:moveTo>
                  <a:pt x="11150457" y="492835"/>
                </a:moveTo>
                <a:cubicBezTo>
                  <a:pt x="11160841" y="492213"/>
                  <a:pt x="11170932" y="496400"/>
                  <a:pt x="11177814" y="504187"/>
                </a:cubicBezTo>
                <a:cubicBezTo>
                  <a:pt x="11184801" y="513682"/>
                  <a:pt x="11188205" y="525334"/>
                  <a:pt x="11187428" y="537090"/>
                </a:cubicBezTo>
                <a:lnTo>
                  <a:pt x="11109038" y="537090"/>
                </a:lnTo>
                <a:cubicBezTo>
                  <a:pt x="11109539" y="525172"/>
                  <a:pt x="11113982" y="513755"/>
                  <a:pt x="11121672" y="504625"/>
                </a:cubicBezTo>
                <a:cubicBezTo>
                  <a:pt x="11129067" y="496666"/>
                  <a:pt x="11139593" y="492354"/>
                  <a:pt x="11150457" y="492835"/>
                </a:cubicBezTo>
                <a:close/>
                <a:moveTo>
                  <a:pt x="10745434" y="490424"/>
                </a:moveTo>
                <a:cubicBezTo>
                  <a:pt x="10767847" y="490424"/>
                  <a:pt x="10779053" y="501666"/>
                  <a:pt x="10779053" y="524150"/>
                </a:cubicBezTo>
                <a:cubicBezTo>
                  <a:pt x="10779053" y="545372"/>
                  <a:pt x="10768067" y="556340"/>
                  <a:pt x="10746093" y="556340"/>
                </a:cubicBezTo>
                <a:cubicBezTo>
                  <a:pt x="10737117" y="556902"/>
                  <a:pt x="10728262" y="554040"/>
                  <a:pt x="10721318" y="548334"/>
                </a:cubicBezTo>
                <a:cubicBezTo>
                  <a:pt x="10715031" y="542065"/>
                  <a:pt x="10711783" y="533380"/>
                  <a:pt x="10712419" y="524533"/>
                </a:cubicBezTo>
                <a:cubicBezTo>
                  <a:pt x="10711654" y="515258"/>
                  <a:pt x="10714664" y="506067"/>
                  <a:pt x="10720769" y="499033"/>
                </a:cubicBezTo>
                <a:cubicBezTo>
                  <a:pt x="10727472" y="492928"/>
                  <a:pt x="10736380" y="489818"/>
                  <a:pt x="10745434" y="490424"/>
                </a:cubicBezTo>
                <a:close/>
                <a:moveTo>
                  <a:pt x="11813503" y="490422"/>
                </a:moveTo>
                <a:cubicBezTo>
                  <a:pt x="11835952" y="490422"/>
                  <a:pt x="11847177" y="501664"/>
                  <a:pt x="11847177" y="524148"/>
                </a:cubicBezTo>
                <a:cubicBezTo>
                  <a:pt x="11847177" y="545371"/>
                  <a:pt x="11835916" y="556339"/>
                  <a:pt x="11813943" y="556339"/>
                </a:cubicBezTo>
                <a:cubicBezTo>
                  <a:pt x="11804966" y="556900"/>
                  <a:pt x="11796111" y="554039"/>
                  <a:pt x="11789168" y="548332"/>
                </a:cubicBezTo>
                <a:cubicBezTo>
                  <a:pt x="11782880" y="542065"/>
                  <a:pt x="11779633" y="533379"/>
                  <a:pt x="11780268" y="524532"/>
                </a:cubicBezTo>
                <a:cubicBezTo>
                  <a:pt x="11779578" y="515218"/>
                  <a:pt x="11782689" y="506022"/>
                  <a:pt x="11788893" y="499032"/>
                </a:cubicBezTo>
                <a:cubicBezTo>
                  <a:pt x="11795579" y="492935"/>
                  <a:pt x="11804467" y="489825"/>
                  <a:pt x="11813503" y="490422"/>
                </a:cubicBezTo>
                <a:close/>
                <a:moveTo>
                  <a:pt x="11521807" y="476603"/>
                </a:moveTo>
                <a:lnTo>
                  <a:pt x="11521807" y="626259"/>
                </a:lnTo>
                <a:lnTo>
                  <a:pt x="11544715" y="626259"/>
                </a:lnTo>
                <a:lnTo>
                  <a:pt x="11544495" y="476603"/>
                </a:lnTo>
                <a:close/>
                <a:moveTo>
                  <a:pt x="10850466" y="476603"/>
                </a:moveTo>
                <a:lnTo>
                  <a:pt x="10850466" y="626259"/>
                </a:lnTo>
                <a:lnTo>
                  <a:pt x="10873154" y="626259"/>
                </a:lnTo>
                <a:lnTo>
                  <a:pt x="10873154" y="476603"/>
                </a:lnTo>
                <a:close/>
                <a:moveTo>
                  <a:pt x="11814657" y="473861"/>
                </a:moveTo>
                <a:cubicBezTo>
                  <a:pt x="11796602" y="473861"/>
                  <a:pt x="11782649" y="478303"/>
                  <a:pt x="11772797" y="487187"/>
                </a:cubicBezTo>
                <a:cubicBezTo>
                  <a:pt x="11762527" y="497033"/>
                  <a:pt x="11757122" y="510894"/>
                  <a:pt x="11758020" y="525080"/>
                </a:cubicBezTo>
                <a:cubicBezTo>
                  <a:pt x="11757842" y="534251"/>
                  <a:pt x="11760322" y="543277"/>
                  <a:pt x="11765161" y="551074"/>
                </a:cubicBezTo>
                <a:cubicBezTo>
                  <a:pt x="11769572" y="558425"/>
                  <a:pt x="11776209" y="564186"/>
                  <a:pt x="11784113" y="567526"/>
                </a:cubicBezTo>
                <a:cubicBezTo>
                  <a:pt x="11778760" y="570522"/>
                  <a:pt x="11774055" y="574548"/>
                  <a:pt x="11770270" y="579371"/>
                </a:cubicBezTo>
                <a:cubicBezTo>
                  <a:pt x="11767334" y="583580"/>
                  <a:pt x="11765814" y="588612"/>
                  <a:pt x="11765931" y="593739"/>
                </a:cubicBezTo>
                <a:cubicBezTo>
                  <a:pt x="11765823" y="598272"/>
                  <a:pt x="11767192" y="602717"/>
                  <a:pt x="11769831" y="606407"/>
                </a:cubicBezTo>
                <a:cubicBezTo>
                  <a:pt x="11772192" y="610041"/>
                  <a:pt x="11775521" y="612947"/>
                  <a:pt x="11779444" y="614797"/>
                </a:cubicBezTo>
                <a:cubicBezTo>
                  <a:pt x="11769995" y="616551"/>
                  <a:pt x="11761364" y="621301"/>
                  <a:pt x="11754834" y="628342"/>
                </a:cubicBezTo>
                <a:cubicBezTo>
                  <a:pt x="11749165" y="634797"/>
                  <a:pt x="11746092" y="643120"/>
                  <a:pt x="11746210" y="651704"/>
                </a:cubicBezTo>
                <a:cubicBezTo>
                  <a:pt x="11745710" y="664062"/>
                  <a:pt x="11751762" y="675770"/>
                  <a:pt x="11762140" y="682523"/>
                </a:cubicBezTo>
                <a:cubicBezTo>
                  <a:pt x="11772724" y="689835"/>
                  <a:pt x="11787831" y="693491"/>
                  <a:pt x="11807460" y="693491"/>
                </a:cubicBezTo>
                <a:cubicBezTo>
                  <a:pt x="11833096" y="693455"/>
                  <a:pt x="11852414" y="689196"/>
                  <a:pt x="11865415" y="680714"/>
                </a:cubicBezTo>
                <a:cubicBezTo>
                  <a:pt x="11878435" y="672604"/>
                  <a:pt x="11886074" y="658126"/>
                  <a:pt x="11885411" y="642820"/>
                </a:cubicBezTo>
                <a:cubicBezTo>
                  <a:pt x="11886114" y="631371"/>
                  <a:pt x="11881247" y="620285"/>
                  <a:pt x="11872337" y="613042"/>
                </a:cubicBezTo>
                <a:cubicBezTo>
                  <a:pt x="11863621" y="606206"/>
                  <a:pt x="11851151" y="602787"/>
                  <a:pt x="11834927" y="602787"/>
                </a:cubicBezTo>
                <a:lnTo>
                  <a:pt x="11808614" y="602787"/>
                </a:lnTo>
                <a:cubicBezTo>
                  <a:pt x="11802661" y="603207"/>
                  <a:pt x="11796693" y="602211"/>
                  <a:pt x="11791200" y="599881"/>
                </a:cubicBezTo>
                <a:cubicBezTo>
                  <a:pt x="11787920" y="598052"/>
                  <a:pt x="11785962" y="594524"/>
                  <a:pt x="11786146" y="590778"/>
                </a:cubicBezTo>
                <a:cubicBezTo>
                  <a:pt x="11786146" y="583027"/>
                  <a:pt x="11790980" y="576611"/>
                  <a:pt x="11800649" y="571529"/>
                </a:cubicBezTo>
                <a:cubicBezTo>
                  <a:pt x="11804801" y="572270"/>
                  <a:pt x="11809011" y="572637"/>
                  <a:pt x="11813228" y="572626"/>
                </a:cubicBezTo>
                <a:cubicBezTo>
                  <a:pt x="11828145" y="573481"/>
                  <a:pt x="11842854" y="568815"/>
                  <a:pt x="11854538" y="559519"/>
                </a:cubicBezTo>
                <a:cubicBezTo>
                  <a:pt x="11864612" y="550694"/>
                  <a:pt x="11870146" y="537791"/>
                  <a:pt x="11869590" y="524422"/>
                </a:cubicBezTo>
                <a:cubicBezTo>
                  <a:pt x="11869681" y="518477"/>
                  <a:pt x="11868675" y="512566"/>
                  <a:pt x="11866624" y="506984"/>
                </a:cubicBezTo>
                <a:cubicBezTo>
                  <a:pt x="11864933" y="502515"/>
                  <a:pt x="11862622" y="498306"/>
                  <a:pt x="11859757" y="494480"/>
                </a:cubicBezTo>
                <a:lnTo>
                  <a:pt x="11887553" y="491245"/>
                </a:lnTo>
                <a:lnTo>
                  <a:pt x="11887553" y="476603"/>
                </a:lnTo>
                <a:lnTo>
                  <a:pt x="11835861" y="476603"/>
                </a:lnTo>
                <a:cubicBezTo>
                  <a:pt x="11828956" y="474703"/>
                  <a:pt x="11821818" y="473780"/>
                  <a:pt x="11814657" y="473861"/>
                </a:cubicBezTo>
                <a:close/>
                <a:moveTo>
                  <a:pt x="11476048" y="473861"/>
                </a:moveTo>
                <a:cubicBezTo>
                  <a:pt x="11466890" y="473872"/>
                  <a:pt x="11457949" y="476644"/>
                  <a:pt x="11450394" y="481812"/>
                </a:cubicBezTo>
                <a:cubicBezTo>
                  <a:pt x="11441919" y="487619"/>
                  <a:pt x="11434936" y="495342"/>
                  <a:pt x="11430014" y="504351"/>
                </a:cubicBezTo>
                <a:lnTo>
                  <a:pt x="11428915" y="504351"/>
                </a:lnTo>
                <a:lnTo>
                  <a:pt x="11426333" y="476603"/>
                </a:lnTo>
                <a:lnTo>
                  <a:pt x="11407601" y="476603"/>
                </a:lnTo>
                <a:lnTo>
                  <a:pt x="11407601" y="626258"/>
                </a:lnTo>
                <a:lnTo>
                  <a:pt x="11430289" y="626258"/>
                </a:lnTo>
                <a:lnTo>
                  <a:pt x="11430289" y="546138"/>
                </a:lnTo>
                <a:cubicBezTo>
                  <a:pt x="11429871" y="532706"/>
                  <a:pt x="11434495" y="519602"/>
                  <a:pt x="11443253" y="509396"/>
                </a:cubicBezTo>
                <a:cubicBezTo>
                  <a:pt x="11450848" y="500037"/>
                  <a:pt x="11462279" y="494613"/>
                  <a:pt x="11474345" y="494645"/>
                </a:cubicBezTo>
                <a:cubicBezTo>
                  <a:pt x="11479897" y="494748"/>
                  <a:pt x="11485422" y="495447"/>
                  <a:pt x="11490825" y="496728"/>
                </a:cubicBezTo>
                <a:lnTo>
                  <a:pt x="11493956" y="475506"/>
                </a:lnTo>
                <a:cubicBezTo>
                  <a:pt x="11488059" y="474351"/>
                  <a:pt x="11482058" y="473799"/>
                  <a:pt x="11476048" y="473861"/>
                </a:cubicBezTo>
                <a:close/>
                <a:moveTo>
                  <a:pt x="11307896" y="473861"/>
                </a:moveTo>
                <a:cubicBezTo>
                  <a:pt x="11289473" y="473139"/>
                  <a:pt x="11271765" y="481026"/>
                  <a:pt x="11259995" y="495193"/>
                </a:cubicBezTo>
                <a:cubicBezTo>
                  <a:pt x="11248092" y="509378"/>
                  <a:pt x="11242141" y="528535"/>
                  <a:pt x="11242141" y="552664"/>
                </a:cubicBezTo>
                <a:cubicBezTo>
                  <a:pt x="11242105" y="576647"/>
                  <a:pt x="11248495" y="595366"/>
                  <a:pt x="11261313" y="608820"/>
                </a:cubicBezTo>
                <a:cubicBezTo>
                  <a:pt x="11274131" y="622273"/>
                  <a:pt x="11291636" y="629000"/>
                  <a:pt x="11313829" y="629000"/>
                </a:cubicBezTo>
                <a:cubicBezTo>
                  <a:pt x="11322509" y="629149"/>
                  <a:pt x="11331180" y="628395"/>
                  <a:pt x="11339703" y="626752"/>
                </a:cubicBezTo>
                <a:cubicBezTo>
                  <a:pt x="11347534" y="625064"/>
                  <a:pt x="11355173" y="622583"/>
                  <a:pt x="11362500" y="619349"/>
                </a:cubicBezTo>
                <a:lnTo>
                  <a:pt x="11362500" y="599113"/>
                </a:lnTo>
                <a:cubicBezTo>
                  <a:pt x="11347407" y="605696"/>
                  <a:pt x="11331124" y="609130"/>
                  <a:pt x="11314653" y="609203"/>
                </a:cubicBezTo>
                <a:cubicBezTo>
                  <a:pt x="11301369" y="609995"/>
                  <a:pt x="11288391" y="605017"/>
                  <a:pt x="11279056" y="595549"/>
                </a:cubicBezTo>
                <a:cubicBezTo>
                  <a:pt x="11270597" y="586445"/>
                  <a:pt x="11266147" y="573119"/>
                  <a:pt x="11265708" y="555571"/>
                </a:cubicBezTo>
                <a:lnTo>
                  <a:pt x="11368982" y="555571"/>
                </a:lnTo>
                <a:lnTo>
                  <a:pt x="11368982" y="541203"/>
                </a:lnTo>
                <a:cubicBezTo>
                  <a:pt x="11369774" y="523452"/>
                  <a:pt x="11363896" y="506047"/>
                  <a:pt x="11352502" y="492396"/>
                </a:cubicBezTo>
                <a:cubicBezTo>
                  <a:pt x="11341157" y="479872"/>
                  <a:pt x="11324793" y="473073"/>
                  <a:pt x="11307896" y="473861"/>
                </a:cubicBezTo>
                <a:close/>
                <a:moveTo>
                  <a:pt x="11150732" y="473861"/>
                </a:moveTo>
                <a:cubicBezTo>
                  <a:pt x="11132295" y="473148"/>
                  <a:pt x="11114573" y="481031"/>
                  <a:pt x="11102775" y="495193"/>
                </a:cubicBezTo>
                <a:cubicBezTo>
                  <a:pt x="11090873" y="509378"/>
                  <a:pt x="11084922" y="528535"/>
                  <a:pt x="11084922" y="552664"/>
                </a:cubicBezTo>
                <a:cubicBezTo>
                  <a:pt x="11084739" y="576647"/>
                  <a:pt x="11091148" y="595366"/>
                  <a:pt x="11104149" y="608820"/>
                </a:cubicBezTo>
                <a:cubicBezTo>
                  <a:pt x="11117149" y="622273"/>
                  <a:pt x="11134636" y="629000"/>
                  <a:pt x="11156610" y="629000"/>
                </a:cubicBezTo>
                <a:cubicBezTo>
                  <a:pt x="11165326" y="629155"/>
                  <a:pt x="11174034" y="628401"/>
                  <a:pt x="11182593" y="626752"/>
                </a:cubicBezTo>
                <a:cubicBezTo>
                  <a:pt x="11190422" y="625056"/>
                  <a:pt x="11198060" y="622575"/>
                  <a:pt x="11205391" y="619349"/>
                </a:cubicBezTo>
                <a:lnTo>
                  <a:pt x="11205391" y="599113"/>
                </a:lnTo>
                <a:cubicBezTo>
                  <a:pt x="11190280" y="605704"/>
                  <a:pt x="11173979" y="609138"/>
                  <a:pt x="11157489" y="609203"/>
                </a:cubicBezTo>
                <a:cubicBezTo>
                  <a:pt x="11144203" y="610010"/>
                  <a:pt x="11131218" y="605029"/>
                  <a:pt x="11121892" y="595549"/>
                </a:cubicBezTo>
                <a:cubicBezTo>
                  <a:pt x="11113432" y="586445"/>
                  <a:pt x="11108983" y="573119"/>
                  <a:pt x="11108543" y="555571"/>
                </a:cubicBezTo>
                <a:lnTo>
                  <a:pt x="11211818" y="555571"/>
                </a:lnTo>
                <a:lnTo>
                  <a:pt x="11211818" y="541203"/>
                </a:lnTo>
                <a:cubicBezTo>
                  <a:pt x="11212609" y="523452"/>
                  <a:pt x="11206732" y="506047"/>
                  <a:pt x="11195338" y="492396"/>
                </a:cubicBezTo>
                <a:cubicBezTo>
                  <a:pt x="11183992" y="479872"/>
                  <a:pt x="11167629" y="473073"/>
                  <a:pt x="11150732" y="473861"/>
                </a:cubicBezTo>
                <a:close/>
                <a:moveTo>
                  <a:pt x="10596125" y="473861"/>
                </a:moveTo>
                <a:cubicBezTo>
                  <a:pt x="10586425" y="473725"/>
                  <a:pt x="10576823" y="475807"/>
                  <a:pt x="10568054" y="479948"/>
                </a:cubicBezTo>
                <a:cubicBezTo>
                  <a:pt x="10560023" y="483682"/>
                  <a:pt x="10553235" y="489640"/>
                  <a:pt x="10548498" y="497113"/>
                </a:cubicBezTo>
                <a:lnTo>
                  <a:pt x="10547399" y="497113"/>
                </a:lnTo>
                <a:lnTo>
                  <a:pt x="10543719" y="476603"/>
                </a:lnTo>
                <a:lnTo>
                  <a:pt x="10525261" y="476603"/>
                </a:lnTo>
                <a:lnTo>
                  <a:pt x="10525261" y="626259"/>
                </a:lnTo>
                <a:lnTo>
                  <a:pt x="10547949" y="626259"/>
                </a:lnTo>
                <a:lnTo>
                  <a:pt x="10547949" y="547784"/>
                </a:lnTo>
                <a:cubicBezTo>
                  <a:pt x="10547949" y="528262"/>
                  <a:pt x="10551684" y="514278"/>
                  <a:pt x="10558935" y="505832"/>
                </a:cubicBezTo>
                <a:cubicBezTo>
                  <a:pt x="10566223" y="497387"/>
                  <a:pt x="10577722" y="493165"/>
                  <a:pt x="10593434" y="493165"/>
                </a:cubicBezTo>
                <a:cubicBezTo>
                  <a:pt x="10602948" y="492423"/>
                  <a:pt x="10612337" y="495706"/>
                  <a:pt x="10619307" y="502213"/>
                </a:cubicBezTo>
                <a:cubicBezTo>
                  <a:pt x="10625471" y="509966"/>
                  <a:pt x="10628456" y="519767"/>
                  <a:pt x="10627657" y="529633"/>
                </a:cubicBezTo>
                <a:lnTo>
                  <a:pt x="10627657" y="626259"/>
                </a:lnTo>
                <a:lnTo>
                  <a:pt x="10650564" y="626259"/>
                </a:lnTo>
                <a:lnTo>
                  <a:pt x="10650564" y="528646"/>
                </a:lnTo>
                <a:cubicBezTo>
                  <a:pt x="10650564" y="509507"/>
                  <a:pt x="10646005" y="495578"/>
                  <a:pt x="10636886" y="486913"/>
                </a:cubicBezTo>
                <a:cubicBezTo>
                  <a:pt x="10627767" y="478248"/>
                  <a:pt x="10614143" y="473861"/>
                  <a:pt x="10596125" y="473861"/>
                </a:cubicBezTo>
                <a:close/>
                <a:moveTo>
                  <a:pt x="11663700" y="473860"/>
                </a:moveTo>
                <a:cubicBezTo>
                  <a:pt x="11654000" y="473724"/>
                  <a:pt x="11644398" y="475806"/>
                  <a:pt x="11635629" y="479947"/>
                </a:cubicBezTo>
                <a:cubicBezTo>
                  <a:pt x="11627598" y="483681"/>
                  <a:pt x="11620810" y="489639"/>
                  <a:pt x="11616073" y="497112"/>
                </a:cubicBezTo>
                <a:lnTo>
                  <a:pt x="11614974" y="497112"/>
                </a:lnTo>
                <a:lnTo>
                  <a:pt x="11611294" y="476602"/>
                </a:lnTo>
                <a:lnTo>
                  <a:pt x="11592836" y="476602"/>
                </a:lnTo>
                <a:lnTo>
                  <a:pt x="11592836" y="626258"/>
                </a:lnTo>
                <a:lnTo>
                  <a:pt x="11615524" y="626258"/>
                </a:lnTo>
                <a:lnTo>
                  <a:pt x="11615524" y="547838"/>
                </a:lnTo>
                <a:cubicBezTo>
                  <a:pt x="11615560" y="528315"/>
                  <a:pt x="11619222" y="514332"/>
                  <a:pt x="11626510" y="505886"/>
                </a:cubicBezTo>
                <a:cubicBezTo>
                  <a:pt x="11633798" y="497441"/>
                  <a:pt x="11645297" y="493218"/>
                  <a:pt x="11661008" y="493218"/>
                </a:cubicBezTo>
                <a:cubicBezTo>
                  <a:pt x="11672874" y="493218"/>
                  <a:pt x="11681608" y="496180"/>
                  <a:pt x="11687102" y="502212"/>
                </a:cubicBezTo>
                <a:cubicBezTo>
                  <a:pt x="11693291" y="509952"/>
                  <a:pt x="11696278" y="519763"/>
                  <a:pt x="11695452" y="529632"/>
                </a:cubicBezTo>
                <a:lnTo>
                  <a:pt x="11695452" y="626258"/>
                </a:lnTo>
                <a:lnTo>
                  <a:pt x="11718139" y="626258"/>
                </a:lnTo>
                <a:lnTo>
                  <a:pt x="11718139" y="528645"/>
                </a:lnTo>
                <a:cubicBezTo>
                  <a:pt x="11718139" y="509506"/>
                  <a:pt x="11713580" y="495577"/>
                  <a:pt x="11704461" y="486912"/>
                </a:cubicBezTo>
                <a:cubicBezTo>
                  <a:pt x="11695342" y="478247"/>
                  <a:pt x="11681718" y="473860"/>
                  <a:pt x="11663700" y="473860"/>
                </a:cubicBezTo>
                <a:close/>
                <a:moveTo>
                  <a:pt x="10992194" y="473860"/>
                </a:moveTo>
                <a:cubicBezTo>
                  <a:pt x="10982494" y="473724"/>
                  <a:pt x="10972892" y="475806"/>
                  <a:pt x="10964123" y="479947"/>
                </a:cubicBezTo>
                <a:cubicBezTo>
                  <a:pt x="10956102" y="483697"/>
                  <a:pt x="10949319" y="489651"/>
                  <a:pt x="10944567" y="497112"/>
                </a:cubicBezTo>
                <a:lnTo>
                  <a:pt x="10943468" y="497112"/>
                </a:lnTo>
                <a:lnTo>
                  <a:pt x="10939788" y="476602"/>
                </a:lnTo>
                <a:lnTo>
                  <a:pt x="10921330" y="476602"/>
                </a:lnTo>
                <a:lnTo>
                  <a:pt x="10921330" y="626258"/>
                </a:lnTo>
                <a:lnTo>
                  <a:pt x="10944018" y="626258"/>
                </a:lnTo>
                <a:lnTo>
                  <a:pt x="10944018" y="547838"/>
                </a:lnTo>
                <a:cubicBezTo>
                  <a:pt x="10944018" y="528315"/>
                  <a:pt x="10947753" y="514332"/>
                  <a:pt x="10955004" y="505886"/>
                </a:cubicBezTo>
                <a:cubicBezTo>
                  <a:pt x="10962255" y="497441"/>
                  <a:pt x="10973791" y="493218"/>
                  <a:pt x="10989447" y="493218"/>
                </a:cubicBezTo>
                <a:cubicBezTo>
                  <a:pt x="11001313" y="493218"/>
                  <a:pt x="11010102" y="496180"/>
                  <a:pt x="11015596" y="502212"/>
                </a:cubicBezTo>
                <a:cubicBezTo>
                  <a:pt x="11021760" y="509965"/>
                  <a:pt x="11024744" y="519766"/>
                  <a:pt x="11023946" y="529632"/>
                </a:cubicBezTo>
                <a:lnTo>
                  <a:pt x="11023946" y="626258"/>
                </a:lnTo>
                <a:lnTo>
                  <a:pt x="11046633" y="626258"/>
                </a:lnTo>
                <a:lnTo>
                  <a:pt x="11046633" y="528645"/>
                </a:lnTo>
                <a:cubicBezTo>
                  <a:pt x="11046633" y="509506"/>
                  <a:pt x="11042074" y="495577"/>
                  <a:pt x="11032955" y="486912"/>
                </a:cubicBezTo>
                <a:cubicBezTo>
                  <a:pt x="11023836" y="478247"/>
                  <a:pt x="11010267" y="473860"/>
                  <a:pt x="10992194" y="473860"/>
                </a:cubicBezTo>
                <a:close/>
                <a:moveTo>
                  <a:pt x="10746643" y="473643"/>
                </a:moveTo>
                <a:cubicBezTo>
                  <a:pt x="10728588" y="473643"/>
                  <a:pt x="10714635" y="478085"/>
                  <a:pt x="10704783" y="486969"/>
                </a:cubicBezTo>
                <a:cubicBezTo>
                  <a:pt x="10694532" y="496828"/>
                  <a:pt x="10689130" y="510680"/>
                  <a:pt x="10690006" y="524863"/>
                </a:cubicBezTo>
                <a:cubicBezTo>
                  <a:pt x="10689835" y="534124"/>
                  <a:pt x="10692374" y="543234"/>
                  <a:pt x="10697312" y="551076"/>
                </a:cubicBezTo>
                <a:cubicBezTo>
                  <a:pt x="10701723" y="558426"/>
                  <a:pt x="10708360" y="564188"/>
                  <a:pt x="10716264" y="567527"/>
                </a:cubicBezTo>
                <a:cubicBezTo>
                  <a:pt x="10710925" y="570522"/>
                  <a:pt x="10706238" y="574548"/>
                  <a:pt x="10702476" y="579373"/>
                </a:cubicBezTo>
                <a:cubicBezTo>
                  <a:pt x="10699499" y="583564"/>
                  <a:pt x="10697958" y="588603"/>
                  <a:pt x="10698081" y="593740"/>
                </a:cubicBezTo>
                <a:cubicBezTo>
                  <a:pt x="10697997" y="598270"/>
                  <a:pt x="10699364" y="602708"/>
                  <a:pt x="10701981" y="606408"/>
                </a:cubicBezTo>
                <a:cubicBezTo>
                  <a:pt x="10704304" y="610035"/>
                  <a:pt x="10707596" y="612941"/>
                  <a:pt x="10711485" y="614799"/>
                </a:cubicBezTo>
                <a:cubicBezTo>
                  <a:pt x="10702014" y="616536"/>
                  <a:pt x="10693362" y="621289"/>
                  <a:pt x="10686820" y="628344"/>
                </a:cubicBezTo>
                <a:cubicBezTo>
                  <a:pt x="10681106" y="634876"/>
                  <a:pt x="10678049" y="643308"/>
                  <a:pt x="10678250" y="651979"/>
                </a:cubicBezTo>
                <a:cubicBezTo>
                  <a:pt x="10677772" y="664332"/>
                  <a:pt x="10683819" y="676029"/>
                  <a:pt x="10694181" y="682798"/>
                </a:cubicBezTo>
                <a:cubicBezTo>
                  <a:pt x="10704783" y="690093"/>
                  <a:pt x="10719945" y="693767"/>
                  <a:pt x="10739556" y="693767"/>
                </a:cubicBezTo>
                <a:cubicBezTo>
                  <a:pt x="10765082" y="693730"/>
                  <a:pt x="10784492" y="689380"/>
                  <a:pt x="10797785" y="680714"/>
                </a:cubicBezTo>
                <a:cubicBezTo>
                  <a:pt x="10810805" y="672605"/>
                  <a:pt x="10818445" y="658127"/>
                  <a:pt x="10817781" y="642821"/>
                </a:cubicBezTo>
                <a:cubicBezTo>
                  <a:pt x="10818503" y="631369"/>
                  <a:pt x="10813632" y="620275"/>
                  <a:pt x="10804707" y="613044"/>
                </a:cubicBezTo>
                <a:cubicBezTo>
                  <a:pt x="10796028" y="606189"/>
                  <a:pt x="10783777" y="602789"/>
                  <a:pt x="10767297" y="602789"/>
                </a:cubicBezTo>
                <a:lnTo>
                  <a:pt x="10740765" y="602789"/>
                </a:lnTo>
                <a:cubicBezTo>
                  <a:pt x="10734829" y="603210"/>
                  <a:pt x="10728879" y="602214"/>
                  <a:pt x="10723406" y="599882"/>
                </a:cubicBezTo>
                <a:cubicBezTo>
                  <a:pt x="10720106" y="598071"/>
                  <a:pt x="10718140" y="594532"/>
                  <a:pt x="10718352" y="590779"/>
                </a:cubicBezTo>
                <a:cubicBezTo>
                  <a:pt x="10718388" y="583028"/>
                  <a:pt x="10723204" y="576612"/>
                  <a:pt x="10732799" y="571531"/>
                </a:cubicBezTo>
                <a:cubicBezTo>
                  <a:pt x="10736970" y="572273"/>
                  <a:pt x="10741198" y="572640"/>
                  <a:pt x="10745434" y="572627"/>
                </a:cubicBezTo>
                <a:cubicBezTo>
                  <a:pt x="10760348" y="573462"/>
                  <a:pt x="10775049" y="568798"/>
                  <a:pt x="10786744" y="559521"/>
                </a:cubicBezTo>
                <a:cubicBezTo>
                  <a:pt x="10796798" y="550680"/>
                  <a:pt x="10802327" y="537788"/>
                  <a:pt x="10801796" y="524424"/>
                </a:cubicBezTo>
                <a:cubicBezTo>
                  <a:pt x="10801870" y="518475"/>
                  <a:pt x="10800846" y="512563"/>
                  <a:pt x="10798774" y="506985"/>
                </a:cubicBezTo>
                <a:cubicBezTo>
                  <a:pt x="10797104" y="502506"/>
                  <a:pt x="10794791" y="498296"/>
                  <a:pt x="10791908" y="494482"/>
                </a:cubicBezTo>
                <a:lnTo>
                  <a:pt x="10819704" y="491246"/>
                </a:lnTo>
                <a:lnTo>
                  <a:pt x="10819704" y="476604"/>
                </a:lnTo>
                <a:lnTo>
                  <a:pt x="10767847" y="476385"/>
                </a:lnTo>
                <a:cubicBezTo>
                  <a:pt x="10760942" y="474485"/>
                  <a:pt x="10753804" y="473562"/>
                  <a:pt x="10746643" y="473643"/>
                </a:cubicBezTo>
                <a:close/>
                <a:moveTo>
                  <a:pt x="10372656" y="426645"/>
                </a:moveTo>
                <a:lnTo>
                  <a:pt x="10372656" y="626259"/>
                </a:lnTo>
                <a:lnTo>
                  <a:pt x="10484116" y="626259"/>
                </a:lnTo>
                <a:lnTo>
                  <a:pt x="10484116" y="605530"/>
                </a:lnTo>
                <a:lnTo>
                  <a:pt x="10395673" y="605530"/>
                </a:lnTo>
                <a:lnTo>
                  <a:pt x="10395673" y="532046"/>
                </a:lnTo>
                <a:lnTo>
                  <a:pt x="10478568" y="532046"/>
                </a:lnTo>
                <a:lnTo>
                  <a:pt x="10478568" y="511591"/>
                </a:lnTo>
                <a:lnTo>
                  <a:pt x="10395673" y="511591"/>
                </a:lnTo>
                <a:lnTo>
                  <a:pt x="10395673" y="447374"/>
                </a:lnTo>
                <a:lnTo>
                  <a:pt x="10484116" y="447374"/>
                </a:lnTo>
                <a:lnTo>
                  <a:pt x="10484116" y="426645"/>
                </a:lnTo>
                <a:close/>
                <a:moveTo>
                  <a:pt x="10852389" y="424670"/>
                </a:moveTo>
                <a:cubicBezTo>
                  <a:pt x="10849559" y="427764"/>
                  <a:pt x="10848164" y="431905"/>
                  <a:pt x="10848543" y="436077"/>
                </a:cubicBezTo>
                <a:cubicBezTo>
                  <a:pt x="10848235" y="440207"/>
                  <a:pt x="10849623" y="444286"/>
                  <a:pt x="10852389" y="447373"/>
                </a:cubicBezTo>
                <a:cubicBezTo>
                  <a:pt x="10857745" y="452347"/>
                  <a:pt x="10866040" y="452347"/>
                  <a:pt x="10871396" y="447373"/>
                </a:cubicBezTo>
                <a:cubicBezTo>
                  <a:pt x="10874233" y="444300"/>
                  <a:pt x="10875665" y="440189"/>
                  <a:pt x="10875351" y="436022"/>
                </a:cubicBezTo>
                <a:cubicBezTo>
                  <a:pt x="10875692" y="431851"/>
                  <a:pt x="10874256" y="427729"/>
                  <a:pt x="10871396" y="424670"/>
                </a:cubicBezTo>
                <a:cubicBezTo>
                  <a:pt x="10865999" y="419801"/>
                  <a:pt x="10857786" y="419801"/>
                  <a:pt x="10852389" y="424670"/>
                </a:cubicBezTo>
                <a:close/>
                <a:moveTo>
                  <a:pt x="11533508" y="421051"/>
                </a:moveTo>
                <a:cubicBezTo>
                  <a:pt x="11529966" y="420937"/>
                  <a:pt x="11526525" y="422240"/>
                  <a:pt x="11523950" y="424670"/>
                </a:cubicBezTo>
                <a:cubicBezTo>
                  <a:pt x="11521120" y="427765"/>
                  <a:pt x="11519725" y="431904"/>
                  <a:pt x="11520104" y="436077"/>
                </a:cubicBezTo>
                <a:cubicBezTo>
                  <a:pt x="11519765" y="440244"/>
                  <a:pt x="11521155" y="444368"/>
                  <a:pt x="11523950" y="447483"/>
                </a:cubicBezTo>
                <a:cubicBezTo>
                  <a:pt x="11526497" y="449969"/>
                  <a:pt x="11529947" y="451315"/>
                  <a:pt x="11533508" y="451212"/>
                </a:cubicBezTo>
                <a:cubicBezTo>
                  <a:pt x="11537024" y="451244"/>
                  <a:pt x="11540413" y="449906"/>
                  <a:pt x="11542957" y="447483"/>
                </a:cubicBezTo>
                <a:cubicBezTo>
                  <a:pt x="11545808" y="444397"/>
                  <a:pt x="11547242" y="440263"/>
                  <a:pt x="11546912" y="436077"/>
                </a:cubicBezTo>
                <a:cubicBezTo>
                  <a:pt x="11547253" y="431906"/>
                  <a:pt x="11545817" y="427784"/>
                  <a:pt x="11542957" y="424725"/>
                </a:cubicBezTo>
                <a:cubicBezTo>
                  <a:pt x="11540408" y="422317"/>
                  <a:pt x="11537017" y="420999"/>
                  <a:pt x="11533508" y="421051"/>
                </a:cubicBezTo>
                <a:close/>
                <a:moveTo>
                  <a:pt x="9008769" y="311755"/>
                </a:moveTo>
                <a:cubicBezTo>
                  <a:pt x="8967724" y="311815"/>
                  <a:pt x="8934474" y="345033"/>
                  <a:pt x="8934444" y="386007"/>
                </a:cubicBezTo>
                <a:lnTo>
                  <a:pt x="8934444" y="972072"/>
                </a:lnTo>
                <a:cubicBezTo>
                  <a:pt x="8934515" y="1011261"/>
                  <a:pt x="8965082" y="1043648"/>
                  <a:pt x="9004264" y="1046050"/>
                </a:cubicBezTo>
                <a:lnTo>
                  <a:pt x="10157042" y="1046050"/>
                </a:lnTo>
                <a:cubicBezTo>
                  <a:pt x="10196296" y="1043616"/>
                  <a:pt x="10226879" y="1011115"/>
                  <a:pt x="10226862" y="971853"/>
                </a:cubicBezTo>
                <a:lnTo>
                  <a:pt x="10226862" y="386007"/>
                </a:lnTo>
                <a:cubicBezTo>
                  <a:pt x="10226832" y="345033"/>
                  <a:pt x="10193582" y="311815"/>
                  <a:pt x="10152537" y="311755"/>
                </a:cubicBezTo>
                <a:close/>
                <a:moveTo>
                  <a:pt x="0" y="0"/>
                </a:moveTo>
                <a:lnTo>
                  <a:pt x="312254" y="0"/>
                </a:lnTo>
                <a:lnTo>
                  <a:pt x="312254" y="1116000"/>
                </a:lnTo>
                <a:lnTo>
                  <a:pt x="328129" y="1116000"/>
                </a:lnTo>
                <a:lnTo>
                  <a:pt x="328129" y="0"/>
                </a:lnTo>
                <a:lnTo>
                  <a:pt x="12191996" y="0"/>
                </a:lnTo>
                <a:lnTo>
                  <a:pt x="12191996" y="6531376"/>
                </a:lnTo>
                <a:lnTo>
                  <a:pt x="2482803" y="6531376"/>
                </a:lnTo>
                <a:lnTo>
                  <a:pt x="2482803" y="6545776"/>
                </a:lnTo>
                <a:lnTo>
                  <a:pt x="12191996" y="6545776"/>
                </a:lnTo>
                <a:lnTo>
                  <a:pt x="12191996" y="6857997"/>
                </a:lnTo>
                <a:lnTo>
                  <a:pt x="0" y="6857997"/>
                </a:lnTo>
                <a:lnTo>
                  <a:pt x="0" y="5558972"/>
                </a:lnTo>
                <a:lnTo>
                  <a:pt x="5780475" y="5558972"/>
                </a:lnTo>
                <a:lnTo>
                  <a:pt x="5780475" y="5342397"/>
                </a:lnTo>
                <a:lnTo>
                  <a:pt x="5986800" y="5342397"/>
                </a:lnTo>
                <a:lnTo>
                  <a:pt x="5986800" y="1317600"/>
                </a:lnTo>
                <a:lnTo>
                  <a:pt x="0" y="1317600"/>
                </a:lnTo>
                <a:close/>
              </a:path>
            </a:pathLst>
          </a:custGeom>
          <a:solidFill>
            <a:schemeClr val="bg2"/>
          </a:solidFill>
        </p:spPr>
        <p:txBody>
          <a:bodyPr wrap="square" tIns="72000">
            <a:noAutofit/>
          </a:bodyP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bg1"/>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19" name="Freeform: Shape 18">
            <a:extLst>
              <a:ext uri="{FF2B5EF4-FFF2-40B4-BE49-F238E27FC236}">
                <a16:creationId xmlns:a16="http://schemas.microsoft.com/office/drawing/2014/main" id="{BE1CF834-FC02-444D-BE8A-776D0DB5691C}"/>
              </a:ext>
            </a:extLst>
          </p:cNvPr>
          <p:cNvSpPr/>
          <p:nvPr userDrawn="1"/>
        </p:nvSpPr>
        <p:spPr>
          <a:xfrm>
            <a:off x="6350" y="1321723"/>
            <a:ext cx="5986800" cy="4066103"/>
          </a:xfrm>
          <a:custGeom>
            <a:avLst/>
            <a:gdLst>
              <a:gd name="connsiteX0" fmla="*/ 0 w 5986800"/>
              <a:gd name="connsiteY0" fmla="*/ 0 h 4066103"/>
              <a:gd name="connsiteX1" fmla="*/ 5986800 w 5986800"/>
              <a:gd name="connsiteY1" fmla="*/ 0 h 4066103"/>
              <a:gd name="connsiteX2" fmla="*/ 5986800 w 5986800"/>
              <a:gd name="connsiteY2" fmla="*/ 1117006 h 4066103"/>
              <a:gd name="connsiteX3" fmla="*/ 5986800 w 5986800"/>
              <a:gd name="connsiteY3" fmla="*/ 2949097 h 4066103"/>
              <a:gd name="connsiteX4" fmla="*/ 5986800 w 5986800"/>
              <a:gd name="connsiteY4" fmla="*/ 4066103 h 4066103"/>
              <a:gd name="connsiteX5" fmla="*/ 5781600 w 5986800"/>
              <a:gd name="connsiteY5" fmla="*/ 4066103 h 4066103"/>
              <a:gd name="connsiteX6" fmla="*/ 5781600 w 5986800"/>
              <a:gd name="connsiteY6" fmla="*/ 2949600 h 4066103"/>
              <a:gd name="connsiteX7" fmla="*/ 5776530 w 5986800"/>
              <a:gd name="connsiteY7" fmla="*/ 2949600 h 4066103"/>
              <a:gd name="connsiteX8" fmla="*/ 5776530 w 5986800"/>
              <a:gd name="connsiteY8" fmla="*/ 2949097 h 4066103"/>
              <a:gd name="connsiteX9" fmla="*/ 0 w 5986800"/>
              <a:gd name="connsiteY9" fmla="*/ 2949097 h 40661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986800" h="4066103">
                <a:moveTo>
                  <a:pt x="0" y="0"/>
                </a:moveTo>
                <a:lnTo>
                  <a:pt x="5986800" y="0"/>
                </a:lnTo>
                <a:lnTo>
                  <a:pt x="5986800" y="1117006"/>
                </a:lnTo>
                <a:lnTo>
                  <a:pt x="5986800" y="2949097"/>
                </a:lnTo>
                <a:lnTo>
                  <a:pt x="5986800" y="4066103"/>
                </a:lnTo>
                <a:lnTo>
                  <a:pt x="5781600" y="4066103"/>
                </a:lnTo>
                <a:lnTo>
                  <a:pt x="5781600" y="2949600"/>
                </a:lnTo>
                <a:lnTo>
                  <a:pt x="5776530" y="2949600"/>
                </a:lnTo>
                <a:lnTo>
                  <a:pt x="5776530" y="2949097"/>
                </a:lnTo>
                <a:lnTo>
                  <a:pt x="0" y="2949097"/>
                </a:lnTo>
                <a:close/>
              </a:path>
            </a:pathLst>
          </a:cu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 name="Title 5">
            <a:extLst>
              <a:ext uri="{FF2B5EF4-FFF2-40B4-BE49-F238E27FC236}">
                <a16:creationId xmlns:a16="http://schemas.microsoft.com/office/drawing/2014/main" id="{9FEB1896-3371-4CA2-9C53-E43D84A65203}"/>
              </a:ext>
            </a:extLst>
          </p:cNvPr>
          <p:cNvSpPr>
            <a:spLocks noGrp="1"/>
          </p:cNvSpPr>
          <p:nvPr>
            <p:ph type="title" hasCustomPrompt="1"/>
          </p:nvPr>
        </p:nvSpPr>
        <p:spPr>
          <a:xfrm>
            <a:off x="648000" y="2041527"/>
            <a:ext cx="5108633" cy="1200828"/>
          </a:xfrm>
        </p:spPr>
        <p:txBody>
          <a:bodyPr anchor="b"/>
          <a:lstStyle>
            <a:lvl1pPr>
              <a:defRPr>
                <a:solidFill>
                  <a:schemeClr val="bg1"/>
                </a:solidFill>
              </a:defRPr>
            </a:lvl1pPr>
          </a:lstStyle>
          <a:p>
            <a:r>
              <a:rPr lang="en-US" dirty="0"/>
              <a:t>Click to add title</a:t>
            </a:r>
          </a:p>
        </p:txBody>
      </p:sp>
      <p:sp>
        <p:nvSpPr>
          <p:cNvPr id="29" name="Text Placeholder 28">
            <a:extLst>
              <a:ext uri="{FF2B5EF4-FFF2-40B4-BE49-F238E27FC236}">
                <a16:creationId xmlns:a16="http://schemas.microsoft.com/office/drawing/2014/main" id="{5E402472-E597-495E-BF52-A5E9621E0CFA}"/>
              </a:ext>
            </a:extLst>
          </p:cNvPr>
          <p:cNvSpPr>
            <a:spLocks noGrp="1"/>
          </p:cNvSpPr>
          <p:nvPr>
            <p:ph type="body" sz="quarter" idx="14"/>
          </p:nvPr>
        </p:nvSpPr>
        <p:spPr>
          <a:xfrm>
            <a:off x="614691" y="6370549"/>
            <a:ext cx="1844833" cy="36155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Click to edit Master text styles</a:t>
            </a:r>
          </a:p>
        </p:txBody>
      </p:sp>
      <p:sp>
        <p:nvSpPr>
          <p:cNvPr id="4" name="Text Placeholder 3">
            <a:extLst>
              <a:ext uri="{FF2B5EF4-FFF2-40B4-BE49-F238E27FC236}">
                <a16:creationId xmlns:a16="http://schemas.microsoft.com/office/drawing/2014/main" id="{345010C0-D821-4BD3-A937-548F49F8A7DC}"/>
              </a:ext>
            </a:extLst>
          </p:cNvPr>
          <p:cNvSpPr>
            <a:spLocks noGrp="1"/>
          </p:cNvSpPr>
          <p:nvPr>
            <p:ph type="body" sz="quarter" idx="15" hasCustomPrompt="1"/>
          </p:nvPr>
        </p:nvSpPr>
        <p:spPr>
          <a:xfrm>
            <a:off x="647700" y="4665259"/>
            <a:ext cx="4864100" cy="246221"/>
          </a:xfrm>
        </p:spPr>
        <p:txBody>
          <a:bodyPr/>
          <a:lstStyle>
            <a:lvl1pPr marL="0" indent="0">
              <a:buNone/>
              <a:defRPr>
                <a:solidFill>
                  <a:schemeClr val="tx2"/>
                </a:solidFill>
              </a:defRPr>
            </a:lvl1pPr>
          </a:lstStyle>
          <a:p>
            <a:pPr lvl="0"/>
            <a:r>
              <a:rPr lang="en-US" dirty="0"/>
              <a:t>Presented to:</a:t>
            </a:r>
            <a:endParaRPr lang="en-US"/>
          </a:p>
        </p:txBody>
      </p:sp>
      <p:sp>
        <p:nvSpPr>
          <p:cNvPr id="16" name="Text Placeholder 3">
            <a:extLst>
              <a:ext uri="{FF2B5EF4-FFF2-40B4-BE49-F238E27FC236}">
                <a16:creationId xmlns:a16="http://schemas.microsoft.com/office/drawing/2014/main" id="{301EB625-C77C-44CF-9F22-69F0943C7AF0}"/>
              </a:ext>
            </a:extLst>
          </p:cNvPr>
          <p:cNvSpPr>
            <a:spLocks noGrp="1"/>
          </p:cNvSpPr>
          <p:nvPr>
            <p:ph type="body" sz="quarter" idx="16" hasCustomPrompt="1"/>
          </p:nvPr>
        </p:nvSpPr>
        <p:spPr>
          <a:xfrm>
            <a:off x="647700" y="4908762"/>
            <a:ext cx="4864100" cy="242887"/>
          </a:xfrm>
        </p:spPr>
        <p:txBody>
          <a:bodyPr/>
          <a:lstStyle>
            <a:lvl1pPr marL="0" indent="0">
              <a:buNone/>
              <a:defRPr>
                <a:solidFill>
                  <a:schemeClr val="tx2"/>
                </a:solidFill>
              </a:defRPr>
            </a:lvl1pPr>
          </a:lstStyle>
          <a:p>
            <a:pPr lvl="0"/>
            <a:r>
              <a:rPr lang="en-US" dirty="0"/>
              <a:t>Presented by:</a:t>
            </a:r>
            <a:endParaRPr lang="en-US"/>
          </a:p>
        </p:txBody>
      </p:sp>
      <p:sp>
        <p:nvSpPr>
          <p:cNvPr id="17" name="Text Placeholder 4">
            <a:extLst>
              <a:ext uri="{FF2B5EF4-FFF2-40B4-BE49-F238E27FC236}">
                <a16:creationId xmlns:a16="http://schemas.microsoft.com/office/drawing/2014/main" id="{A53AA8B7-7389-4FDE-A58A-B0AA817786C3}"/>
              </a:ext>
            </a:extLst>
          </p:cNvPr>
          <p:cNvSpPr>
            <a:spLocks noGrp="1"/>
          </p:cNvSpPr>
          <p:nvPr>
            <p:ph type="body" sz="quarter" idx="18" hasCustomPrompt="1"/>
          </p:nvPr>
        </p:nvSpPr>
        <p:spPr>
          <a:xfrm>
            <a:off x="647700" y="3266238"/>
            <a:ext cx="5108933" cy="514202"/>
          </a:xfrm>
        </p:spPr>
        <p:txBody>
          <a:bodyPr anchor="b"/>
          <a:lstStyle>
            <a:lvl1pPr marL="0" indent="0">
              <a:buNone/>
              <a:defRPr sz="2800">
                <a:solidFill>
                  <a:schemeClr val="accent3"/>
                </a:solidFill>
                <a:latin typeface="+mn-lt"/>
              </a:defRPr>
            </a:lvl1pPr>
          </a:lstStyle>
          <a:p>
            <a:pPr lvl="0"/>
            <a:r>
              <a:rPr lang="en-US" dirty="0" err="1"/>
              <a:t>Click</a:t>
            </a:r>
            <a:r>
              <a:rPr lang="en-US" dirty="0"/>
              <a:t> to </a:t>
            </a:r>
            <a:r>
              <a:rPr lang="en-US" dirty="0" err="1"/>
              <a:t>add</a:t>
            </a:r>
            <a:r>
              <a:rPr lang="en-US" dirty="0"/>
              <a:t> </a:t>
            </a:r>
            <a:r>
              <a:rPr lang="en-US" dirty="0" err="1"/>
              <a:t>subtitle</a:t>
            </a:r>
            <a:endParaRPr lang="en-US" dirty="0"/>
          </a:p>
        </p:txBody>
      </p:sp>
      <p:grpSp>
        <p:nvGrpSpPr>
          <p:cNvPr id="63" name="Group 62">
            <a:extLst>
              <a:ext uri="{FF2B5EF4-FFF2-40B4-BE49-F238E27FC236}">
                <a16:creationId xmlns:a16="http://schemas.microsoft.com/office/drawing/2014/main" id="{98553396-764F-494D-9897-274BFCF11356}"/>
              </a:ext>
            </a:extLst>
          </p:cNvPr>
          <p:cNvGrpSpPr/>
          <p:nvPr userDrawn="1"/>
        </p:nvGrpSpPr>
        <p:grpSpPr>
          <a:xfrm>
            <a:off x="8934449" y="311757"/>
            <a:ext cx="1292417" cy="734295"/>
            <a:chOff x="8934449" y="311757"/>
            <a:chExt cx="1292417" cy="734295"/>
          </a:xfrm>
        </p:grpSpPr>
        <p:sp>
          <p:nvSpPr>
            <p:cNvPr id="51" name="Freeform: Shape 50">
              <a:extLst>
                <a:ext uri="{FF2B5EF4-FFF2-40B4-BE49-F238E27FC236}">
                  <a16:creationId xmlns:a16="http://schemas.microsoft.com/office/drawing/2014/main" id="{F2285A75-0785-4C1F-826D-7BD1796CD2EE}"/>
                </a:ext>
              </a:extLst>
            </p:cNvPr>
            <p:cNvSpPr/>
            <p:nvPr userDrawn="1"/>
          </p:nvSpPr>
          <p:spPr>
            <a:xfrm>
              <a:off x="8934449" y="311757"/>
              <a:ext cx="1292417" cy="734295"/>
            </a:xfrm>
            <a:custGeom>
              <a:avLst/>
              <a:gdLst>
                <a:gd name="connsiteX0" fmla="*/ 1218093 w 1292417"/>
                <a:gd name="connsiteY0" fmla="*/ 0 h 734295"/>
                <a:gd name="connsiteX1" fmla="*/ 74325 w 1292417"/>
                <a:gd name="connsiteY1" fmla="*/ 0 h 734295"/>
                <a:gd name="connsiteX2" fmla="*/ 0 w 1292417"/>
                <a:gd name="connsiteY2" fmla="*/ 74252 h 734295"/>
                <a:gd name="connsiteX3" fmla="*/ 0 w 1292417"/>
                <a:gd name="connsiteY3" fmla="*/ 660317 h 734295"/>
                <a:gd name="connsiteX4" fmla="*/ 69820 w 1292417"/>
                <a:gd name="connsiteY4" fmla="*/ 734295 h 734295"/>
                <a:gd name="connsiteX5" fmla="*/ 1222598 w 1292417"/>
                <a:gd name="connsiteY5" fmla="*/ 734295 h 734295"/>
                <a:gd name="connsiteX6" fmla="*/ 1292418 w 1292417"/>
                <a:gd name="connsiteY6" fmla="*/ 660098 h 734295"/>
                <a:gd name="connsiteX7" fmla="*/ 1292418 w 1292417"/>
                <a:gd name="connsiteY7" fmla="*/ 74252 h 734295"/>
                <a:gd name="connsiteX8" fmla="*/ 1218093 w 1292417"/>
                <a:gd name="connsiteY8" fmla="*/ 0 h 7342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2417" h="734295">
                  <a:moveTo>
                    <a:pt x="1218093" y="0"/>
                  </a:moveTo>
                  <a:lnTo>
                    <a:pt x="74325" y="0"/>
                  </a:lnTo>
                  <a:cubicBezTo>
                    <a:pt x="33280" y="60"/>
                    <a:pt x="30" y="33278"/>
                    <a:pt x="0" y="74252"/>
                  </a:cubicBezTo>
                  <a:lnTo>
                    <a:pt x="0" y="660317"/>
                  </a:lnTo>
                  <a:cubicBezTo>
                    <a:pt x="71" y="699506"/>
                    <a:pt x="30638" y="731893"/>
                    <a:pt x="69820" y="734295"/>
                  </a:cubicBezTo>
                  <a:lnTo>
                    <a:pt x="1222598" y="734295"/>
                  </a:lnTo>
                  <a:cubicBezTo>
                    <a:pt x="1261852" y="731861"/>
                    <a:pt x="1292435" y="699360"/>
                    <a:pt x="1292418" y="660098"/>
                  </a:cubicBezTo>
                  <a:lnTo>
                    <a:pt x="1292418" y="74252"/>
                  </a:lnTo>
                  <a:cubicBezTo>
                    <a:pt x="1292388" y="33278"/>
                    <a:pt x="1259138" y="60"/>
                    <a:pt x="1218093" y="0"/>
                  </a:cubicBezTo>
                  <a:close/>
                </a:path>
              </a:pathLst>
            </a:custGeom>
            <a:solidFill>
              <a:srgbClr val="FFFFFF"/>
            </a:solidFill>
            <a:ln w="5493" cap="flat">
              <a:noFill/>
              <a:prstDash val="solid"/>
              <a:miter/>
            </a:ln>
          </p:spPr>
          <p:txBody>
            <a:bodyPr rtlCol="0" anchor="ctr"/>
            <a:lstStyle/>
            <a:p>
              <a:endParaRPr lang="en-US"/>
            </a:p>
          </p:txBody>
        </p:sp>
        <p:sp>
          <p:nvSpPr>
            <p:cNvPr id="52" name="Freeform: Shape 51">
              <a:extLst>
                <a:ext uri="{FF2B5EF4-FFF2-40B4-BE49-F238E27FC236}">
                  <a16:creationId xmlns:a16="http://schemas.microsoft.com/office/drawing/2014/main" id="{C97A64FC-C12E-4F46-8E70-67563CCD65C8}"/>
                </a:ext>
              </a:extLst>
            </p:cNvPr>
            <p:cNvSpPr/>
            <p:nvPr userDrawn="1"/>
          </p:nvSpPr>
          <p:spPr>
            <a:xfrm>
              <a:off x="8954995" y="918168"/>
              <a:ext cx="1251327" cy="53687"/>
            </a:xfrm>
            <a:custGeom>
              <a:avLst/>
              <a:gdLst>
                <a:gd name="connsiteX0" fmla="*/ 0 w 1251327"/>
                <a:gd name="connsiteY0" fmla="*/ 0 h 53687"/>
                <a:gd name="connsiteX1" fmla="*/ 1251328 w 1251327"/>
                <a:gd name="connsiteY1" fmla="*/ 0 h 53687"/>
                <a:gd name="connsiteX2" fmla="*/ 1251328 w 1251327"/>
                <a:gd name="connsiteY2" fmla="*/ 53687 h 53687"/>
                <a:gd name="connsiteX3" fmla="*/ 0 w 1251327"/>
                <a:gd name="connsiteY3" fmla="*/ 53687 h 53687"/>
                <a:gd name="connsiteX4" fmla="*/ 0 w 1251327"/>
                <a:gd name="connsiteY4" fmla="*/ 0 h 53687"/>
                <a:gd name="connsiteX5" fmla="*/ 0 w 1251327"/>
                <a:gd name="connsiteY5" fmla="*/ 0 h 53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327" h="53687">
                  <a:moveTo>
                    <a:pt x="0" y="0"/>
                  </a:moveTo>
                  <a:lnTo>
                    <a:pt x="1251328" y="0"/>
                  </a:lnTo>
                  <a:lnTo>
                    <a:pt x="1251328" y="53687"/>
                  </a:lnTo>
                  <a:lnTo>
                    <a:pt x="0" y="53687"/>
                  </a:lnTo>
                  <a:lnTo>
                    <a:pt x="0" y="0"/>
                  </a:lnTo>
                  <a:lnTo>
                    <a:pt x="0" y="0"/>
                  </a:lnTo>
                  <a:close/>
                </a:path>
              </a:pathLst>
            </a:custGeom>
            <a:solidFill>
              <a:srgbClr val="0C9ED9"/>
            </a:solidFill>
            <a:ln w="5493" cap="flat">
              <a:noFill/>
              <a:prstDash val="solid"/>
              <a:miter/>
            </a:ln>
          </p:spPr>
          <p:txBody>
            <a:bodyPr rtlCol="0" anchor="ctr"/>
            <a:lstStyle/>
            <a:p>
              <a:endParaRPr lang="en-US"/>
            </a:p>
          </p:txBody>
        </p:sp>
        <p:sp>
          <p:nvSpPr>
            <p:cNvPr id="53" name="Freeform: Shape 52">
              <a:extLst>
                <a:ext uri="{FF2B5EF4-FFF2-40B4-BE49-F238E27FC236}">
                  <a16:creationId xmlns:a16="http://schemas.microsoft.com/office/drawing/2014/main" id="{10DB7AD0-B2F3-46EF-BC06-439DD4FE8CB6}"/>
                </a:ext>
              </a:extLst>
            </p:cNvPr>
            <p:cNvSpPr/>
            <p:nvPr userDrawn="1"/>
          </p:nvSpPr>
          <p:spPr>
            <a:xfrm>
              <a:off x="8954995" y="863548"/>
              <a:ext cx="1251327" cy="54619"/>
            </a:xfrm>
            <a:custGeom>
              <a:avLst/>
              <a:gdLst>
                <a:gd name="connsiteX0" fmla="*/ 0 w 1251327"/>
                <a:gd name="connsiteY0" fmla="*/ 0 h 54619"/>
                <a:gd name="connsiteX1" fmla="*/ 1251328 w 1251327"/>
                <a:gd name="connsiteY1" fmla="*/ 0 h 54619"/>
                <a:gd name="connsiteX2" fmla="*/ 1251328 w 1251327"/>
                <a:gd name="connsiteY2" fmla="*/ 54620 h 54619"/>
                <a:gd name="connsiteX3" fmla="*/ 0 w 1251327"/>
                <a:gd name="connsiteY3" fmla="*/ 54620 h 54619"/>
                <a:gd name="connsiteX4" fmla="*/ 0 w 1251327"/>
                <a:gd name="connsiteY4" fmla="*/ 0 h 54619"/>
                <a:gd name="connsiteX5" fmla="*/ 0 w 1251327"/>
                <a:gd name="connsiteY5" fmla="*/ 0 h 546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327" h="54619">
                  <a:moveTo>
                    <a:pt x="0" y="0"/>
                  </a:moveTo>
                  <a:lnTo>
                    <a:pt x="1251328" y="0"/>
                  </a:lnTo>
                  <a:lnTo>
                    <a:pt x="1251328" y="54620"/>
                  </a:lnTo>
                  <a:lnTo>
                    <a:pt x="0" y="54620"/>
                  </a:lnTo>
                  <a:lnTo>
                    <a:pt x="0" y="0"/>
                  </a:lnTo>
                  <a:lnTo>
                    <a:pt x="0" y="0"/>
                  </a:lnTo>
                  <a:close/>
                </a:path>
              </a:pathLst>
            </a:custGeom>
            <a:solidFill>
              <a:srgbClr val="FFD400"/>
            </a:solidFill>
            <a:ln w="5493" cap="flat">
              <a:noFill/>
              <a:prstDash val="solid"/>
              <a:miter/>
            </a:ln>
          </p:spPr>
          <p:txBody>
            <a:bodyPr rtlCol="0" anchor="ctr"/>
            <a:lstStyle/>
            <a:p>
              <a:endParaRPr lang="en-US"/>
            </a:p>
          </p:txBody>
        </p:sp>
        <p:sp>
          <p:nvSpPr>
            <p:cNvPr id="54" name="Freeform: Shape 53">
              <a:extLst>
                <a:ext uri="{FF2B5EF4-FFF2-40B4-BE49-F238E27FC236}">
                  <a16:creationId xmlns:a16="http://schemas.microsoft.com/office/drawing/2014/main" id="{63118F7B-C533-4A2D-BD19-F23602F079CB}"/>
                </a:ext>
              </a:extLst>
            </p:cNvPr>
            <p:cNvSpPr/>
            <p:nvPr userDrawn="1"/>
          </p:nvSpPr>
          <p:spPr>
            <a:xfrm>
              <a:off x="8954995" y="972075"/>
              <a:ext cx="1251327" cy="53468"/>
            </a:xfrm>
            <a:custGeom>
              <a:avLst/>
              <a:gdLst>
                <a:gd name="connsiteX0" fmla="*/ 50539 w 1251327"/>
                <a:gd name="connsiteY0" fmla="*/ 53468 h 53468"/>
                <a:gd name="connsiteX1" fmla="*/ 1200789 w 1251327"/>
                <a:gd name="connsiteY1" fmla="*/ 53468 h 53468"/>
                <a:gd name="connsiteX2" fmla="*/ 1251328 w 1251327"/>
                <a:gd name="connsiteY2" fmla="*/ 0 h 53468"/>
                <a:gd name="connsiteX3" fmla="*/ 1251328 w 1251327"/>
                <a:gd name="connsiteY3" fmla="*/ 0 h 53468"/>
                <a:gd name="connsiteX4" fmla="*/ 0 w 1251327"/>
                <a:gd name="connsiteY4" fmla="*/ 0 h 53468"/>
                <a:gd name="connsiteX5" fmla="*/ 0 w 1251327"/>
                <a:gd name="connsiteY5" fmla="*/ 0 h 53468"/>
                <a:gd name="connsiteX6" fmla="*/ 50539 w 1251327"/>
                <a:gd name="connsiteY6" fmla="*/ 53468 h 53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51327" h="53468">
                  <a:moveTo>
                    <a:pt x="50539" y="53468"/>
                  </a:moveTo>
                  <a:lnTo>
                    <a:pt x="1200789" y="53468"/>
                  </a:lnTo>
                  <a:cubicBezTo>
                    <a:pt x="1229146" y="51786"/>
                    <a:pt x="1251291" y="28358"/>
                    <a:pt x="1251328" y="0"/>
                  </a:cubicBezTo>
                  <a:lnTo>
                    <a:pt x="1251328" y="0"/>
                  </a:lnTo>
                  <a:lnTo>
                    <a:pt x="0" y="0"/>
                  </a:lnTo>
                  <a:lnTo>
                    <a:pt x="0" y="0"/>
                  </a:lnTo>
                  <a:cubicBezTo>
                    <a:pt x="37" y="28358"/>
                    <a:pt x="22182" y="51786"/>
                    <a:pt x="50539" y="53468"/>
                  </a:cubicBezTo>
                  <a:close/>
                </a:path>
              </a:pathLst>
            </a:custGeom>
            <a:solidFill>
              <a:srgbClr val="ED1B34"/>
            </a:solidFill>
            <a:ln w="5493" cap="flat">
              <a:noFill/>
              <a:prstDash val="solid"/>
              <a:miter/>
            </a:ln>
          </p:spPr>
          <p:txBody>
            <a:bodyPr rtlCol="0" anchor="ctr"/>
            <a:lstStyle/>
            <a:p>
              <a:endParaRPr lang="en-US"/>
            </a:p>
          </p:txBody>
        </p:sp>
        <p:sp>
          <p:nvSpPr>
            <p:cNvPr id="55" name="Freeform: Shape 54">
              <a:extLst>
                <a:ext uri="{FF2B5EF4-FFF2-40B4-BE49-F238E27FC236}">
                  <a16:creationId xmlns:a16="http://schemas.microsoft.com/office/drawing/2014/main" id="{E6EB1C89-D8CD-47B6-86E1-0F0743EE2BCD}"/>
                </a:ext>
              </a:extLst>
            </p:cNvPr>
            <p:cNvSpPr/>
            <p:nvPr userDrawn="1"/>
          </p:nvSpPr>
          <p:spPr>
            <a:xfrm>
              <a:off x="8954995" y="332212"/>
              <a:ext cx="1251327" cy="531390"/>
            </a:xfrm>
            <a:custGeom>
              <a:avLst/>
              <a:gdLst>
                <a:gd name="connsiteX0" fmla="*/ 1197548 w 1251327"/>
                <a:gd name="connsiteY0" fmla="*/ 0 h 531390"/>
                <a:gd name="connsiteX1" fmla="*/ 53780 w 1251327"/>
                <a:gd name="connsiteY1" fmla="*/ 0 h 531390"/>
                <a:gd name="connsiteX2" fmla="*/ 0 w 1251327"/>
                <a:gd name="connsiteY2" fmla="*/ 53687 h 531390"/>
                <a:gd name="connsiteX3" fmla="*/ 0 w 1251327"/>
                <a:gd name="connsiteY3" fmla="*/ 53742 h 531390"/>
                <a:gd name="connsiteX4" fmla="*/ 0 w 1251327"/>
                <a:gd name="connsiteY4" fmla="*/ 531391 h 531390"/>
                <a:gd name="connsiteX5" fmla="*/ 1251328 w 1251327"/>
                <a:gd name="connsiteY5" fmla="*/ 531391 h 531390"/>
                <a:gd name="connsiteX6" fmla="*/ 1251328 w 1251327"/>
                <a:gd name="connsiteY6" fmla="*/ 53797 h 531390"/>
                <a:gd name="connsiteX7" fmla="*/ 1197603 w 1251327"/>
                <a:gd name="connsiteY7" fmla="*/ 55 h 531390"/>
                <a:gd name="connsiteX8" fmla="*/ 1197548 w 1251327"/>
                <a:gd name="connsiteY8" fmla="*/ 55 h 531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51327" h="531390">
                  <a:moveTo>
                    <a:pt x="1197548" y="0"/>
                  </a:moveTo>
                  <a:lnTo>
                    <a:pt x="53780" y="0"/>
                  </a:lnTo>
                  <a:cubicBezTo>
                    <a:pt x="24078" y="0"/>
                    <a:pt x="0" y="24037"/>
                    <a:pt x="0" y="53687"/>
                  </a:cubicBezTo>
                  <a:cubicBezTo>
                    <a:pt x="0" y="53706"/>
                    <a:pt x="0" y="53724"/>
                    <a:pt x="0" y="53742"/>
                  </a:cubicBezTo>
                  <a:lnTo>
                    <a:pt x="0" y="531391"/>
                  </a:lnTo>
                  <a:lnTo>
                    <a:pt x="1251328" y="531391"/>
                  </a:lnTo>
                  <a:lnTo>
                    <a:pt x="1251328" y="53797"/>
                  </a:lnTo>
                  <a:cubicBezTo>
                    <a:pt x="1251358" y="24146"/>
                    <a:pt x="1227305" y="85"/>
                    <a:pt x="1197603" y="55"/>
                  </a:cubicBezTo>
                  <a:cubicBezTo>
                    <a:pt x="1197585" y="55"/>
                    <a:pt x="1197566" y="55"/>
                    <a:pt x="1197548" y="55"/>
                  </a:cubicBezTo>
                  <a:close/>
                </a:path>
              </a:pathLst>
            </a:custGeom>
            <a:solidFill>
              <a:srgbClr val="25408F"/>
            </a:solidFill>
            <a:ln w="5493" cap="flat">
              <a:noFill/>
              <a:prstDash val="solid"/>
              <a:miter/>
            </a:ln>
          </p:spPr>
          <p:txBody>
            <a:bodyPr rtlCol="0" anchor="ctr"/>
            <a:lstStyle/>
            <a:p>
              <a:endParaRPr lang="en-US"/>
            </a:p>
          </p:txBody>
        </p:sp>
        <p:sp>
          <p:nvSpPr>
            <p:cNvPr id="56" name="Freeform: Shape 55">
              <a:extLst>
                <a:ext uri="{FF2B5EF4-FFF2-40B4-BE49-F238E27FC236}">
                  <a16:creationId xmlns:a16="http://schemas.microsoft.com/office/drawing/2014/main" id="{2E6E1FB9-088E-44EB-B640-06879B2638BD}"/>
                </a:ext>
              </a:extLst>
            </p:cNvPr>
            <p:cNvSpPr/>
            <p:nvPr userDrawn="1"/>
          </p:nvSpPr>
          <p:spPr>
            <a:xfrm>
              <a:off x="9314333" y="575342"/>
              <a:ext cx="143632" cy="142038"/>
            </a:xfrm>
            <a:custGeom>
              <a:avLst/>
              <a:gdLst>
                <a:gd name="connsiteX0" fmla="*/ 121659 w 143632"/>
                <a:gd name="connsiteY0" fmla="*/ 18727 h 142038"/>
                <a:gd name="connsiteX1" fmla="*/ 143632 w 143632"/>
                <a:gd name="connsiteY1" fmla="*/ 69563 h 142038"/>
                <a:gd name="connsiteX2" fmla="*/ 123911 w 143632"/>
                <a:gd name="connsiteY2" fmla="*/ 118809 h 142038"/>
                <a:gd name="connsiteX3" fmla="*/ 69801 w 143632"/>
                <a:gd name="connsiteY3" fmla="*/ 141951 h 142038"/>
                <a:gd name="connsiteX4" fmla="*/ 17560 w 143632"/>
                <a:gd name="connsiteY4" fmla="*/ 118809 h 142038"/>
                <a:gd name="connsiteX5" fmla="*/ 146 w 143632"/>
                <a:gd name="connsiteY5" fmla="*/ 68905 h 142038"/>
                <a:gd name="connsiteX6" fmla="*/ 27173 w 143632"/>
                <a:gd name="connsiteY6" fmla="*/ 15492 h 142038"/>
                <a:gd name="connsiteX7" fmla="*/ 72933 w 143632"/>
                <a:gd name="connsiteY7" fmla="*/ 27 h 142038"/>
                <a:gd name="connsiteX8" fmla="*/ 121659 w 143632"/>
                <a:gd name="connsiteY8" fmla="*/ 19002 h 142038"/>
                <a:gd name="connsiteX9" fmla="*/ 104574 w 143632"/>
                <a:gd name="connsiteY9" fmla="*/ 68905 h 142038"/>
                <a:gd name="connsiteX10" fmla="*/ 71010 w 143632"/>
                <a:gd name="connsiteY10" fmla="*/ 12860 h 142038"/>
                <a:gd name="connsiteX11" fmla="*/ 50740 w 143632"/>
                <a:gd name="connsiteY11" fmla="*/ 21634 h 142038"/>
                <a:gd name="connsiteX12" fmla="*/ 36896 w 143632"/>
                <a:gd name="connsiteY12" fmla="*/ 69837 h 142038"/>
                <a:gd name="connsiteX13" fmla="*/ 46894 w 143632"/>
                <a:gd name="connsiteY13" fmla="*/ 114586 h 142038"/>
                <a:gd name="connsiteX14" fmla="*/ 72328 w 143632"/>
                <a:gd name="connsiteY14" fmla="*/ 128460 h 142038"/>
                <a:gd name="connsiteX15" fmla="*/ 104574 w 143632"/>
                <a:gd name="connsiteY15" fmla="*/ 68905 h 1420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43632" h="142038">
                  <a:moveTo>
                    <a:pt x="121659" y="18727"/>
                  </a:moveTo>
                  <a:cubicBezTo>
                    <a:pt x="135722" y="31902"/>
                    <a:pt x="143679" y="50311"/>
                    <a:pt x="143632" y="69563"/>
                  </a:cubicBezTo>
                  <a:cubicBezTo>
                    <a:pt x="143386" y="87848"/>
                    <a:pt x="136360" y="105394"/>
                    <a:pt x="123911" y="118809"/>
                  </a:cubicBezTo>
                  <a:cubicBezTo>
                    <a:pt x="110046" y="133930"/>
                    <a:pt x="90332" y="142362"/>
                    <a:pt x="69801" y="141951"/>
                  </a:cubicBezTo>
                  <a:cubicBezTo>
                    <a:pt x="49685" y="143009"/>
                    <a:pt x="30272" y="134410"/>
                    <a:pt x="17560" y="118809"/>
                  </a:cubicBezTo>
                  <a:cubicBezTo>
                    <a:pt x="5226" y="105214"/>
                    <a:pt x="-1058" y="87207"/>
                    <a:pt x="146" y="68905"/>
                  </a:cubicBezTo>
                  <a:cubicBezTo>
                    <a:pt x="959" y="48028"/>
                    <a:pt x="10823" y="28534"/>
                    <a:pt x="27173" y="15492"/>
                  </a:cubicBezTo>
                  <a:cubicBezTo>
                    <a:pt x="40088" y="5048"/>
                    <a:pt x="56319" y="-437"/>
                    <a:pt x="72933" y="27"/>
                  </a:cubicBezTo>
                  <a:cubicBezTo>
                    <a:pt x="91050" y="-336"/>
                    <a:pt x="108573" y="6487"/>
                    <a:pt x="121659" y="19002"/>
                  </a:cubicBezTo>
                  <a:moveTo>
                    <a:pt x="104574" y="68905"/>
                  </a:moveTo>
                  <a:cubicBezTo>
                    <a:pt x="104574" y="33479"/>
                    <a:pt x="85897" y="12860"/>
                    <a:pt x="71010" y="12860"/>
                  </a:cubicBezTo>
                  <a:cubicBezTo>
                    <a:pt x="63262" y="12524"/>
                    <a:pt x="55790" y="15759"/>
                    <a:pt x="50740" y="21634"/>
                  </a:cubicBezTo>
                  <a:cubicBezTo>
                    <a:pt x="40742" y="32602"/>
                    <a:pt x="36896" y="46366"/>
                    <a:pt x="36896" y="69837"/>
                  </a:cubicBezTo>
                  <a:cubicBezTo>
                    <a:pt x="36896" y="88538"/>
                    <a:pt x="38160" y="100767"/>
                    <a:pt x="46894" y="114586"/>
                  </a:cubicBezTo>
                  <a:cubicBezTo>
                    <a:pt x="51952" y="123752"/>
                    <a:pt x="61870" y="129162"/>
                    <a:pt x="72328" y="128460"/>
                  </a:cubicBezTo>
                  <a:cubicBezTo>
                    <a:pt x="93588" y="128460"/>
                    <a:pt x="104574" y="101754"/>
                    <a:pt x="104574" y="68905"/>
                  </a:cubicBezTo>
                </a:path>
              </a:pathLst>
            </a:custGeom>
            <a:solidFill>
              <a:srgbClr val="FFFFFF"/>
            </a:solidFill>
            <a:ln w="5493" cap="flat">
              <a:noFill/>
              <a:prstDash val="solid"/>
              <a:miter/>
            </a:ln>
          </p:spPr>
          <p:txBody>
            <a:bodyPr rtlCol="0" anchor="ctr"/>
            <a:lstStyle/>
            <a:p>
              <a:endParaRPr lang="en-US"/>
            </a:p>
          </p:txBody>
        </p:sp>
        <p:sp>
          <p:nvSpPr>
            <p:cNvPr id="57" name="Freeform: Shape 56">
              <a:extLst>
                <a:ext uri="{FF2B5EF4-FFF2-40B4-BE49-F238E27FC236}">
                  <a16:creationId xmlns:a16="http://schemas.microsoft.com/office/drawing/2014/main" id="{6DCA99F6-CF2D-4E55-AB6D-503A3A52CA3B}"/>
                </a:ext>
              </a:extLst>
            </p:cNvPr>
            <p:cNvSpPr/>
            <p:nvPr userDrawn="1"/>
          </p:nvSpPr>
          <p:spPr>
            <a:xfrm>
              <a:off x="9720666" y="575095"/>
              <a:ext cx="124767" cy="141959"/>
            </a:xfrm>
            <a:custGeom>
              <a:avLst/>
              <a:gdLst>
                <a:gd name="connsiteX0" fmla="*/ 33719 w 124767"/>
                <a:gd name="connsiteY0" fmla="*/ 66629 h 141959"/>
                <a:gd name="connsiteX1" fmla="*/ 75578 w 124767"/>
                <a:gd name="connsiteY1" fmla="*/ 118781 h 141959"/>
                <a:gd name="connsiteX2" fmla="*/ 114636 w 124767"/>
                <a:gd name="connsiteY2" fmla="*/ 100081 h 141959"/>
                <a:gd name="connsiteX3" fmla="*/ 118536 w 124767"/>
                <a:gd name="connsiteY3" fmla="*/ 98491 h 141959"/>
                <a:gd name="connsiteX4" fmla="*/ 123315 w 124767"/>
                <a:gd name="connsiteY4" fmla="*/ 101343 h 141959"/>
                <a:gd name="connsiteX5" fmla="*/ 123315 w 124767"/>
                <a:gd name="connsiteY5" fmla="*/ 107814 h 141959"/>
                <a:gd name="connsiteX6" fmla="*/ 64646 w 124767"/>
                <a:gd name="connsiteY6" fmla="*/ 141923 h 141959"/>
                <a:gd name="connsiteX7" fmla="*/ 18228 w 124767"/>
                <a:gd name="connsiteY7" fmla="*/ 124594 h 141959"/>
                <a:gd name="connsiteX8" fmla="*/ 155 w 124767"/>
                <a:gd name="connsiteY8" fmla="*/ 71455 h 141959"/>
                <a:gd name="connsiteX9" fmla="*/ 15811 w 124767"/>
                <a:gd name="connsiteY9" fmla="*/ 23800 h 141959"/>
                <a:gd name="connsiteX10" fmla="*/ 71898 w 124767"/>
                <a:gd name="connsiteY10" fmla="*/ 0 h 141959"/>
                <a:gd name="connsiteX11" fmla="*/ 120623 w 124767"/>
                <a:gd name="connsiteY11" fmla="*/ 51549 h 141959"/>
                <a:gd name="connsiteX12" fmla="*/ 111559 w 124767"/>
                <a:gd name="connsiteY12" fmla="*/ 56704 h 141959"/>
                <a:gd name="connsiteX13" fmla="*/ 33554 w 124767"/>
                <a:gd name="connsiteY13" fmla="*/ 56704 h 141959"/>
                <a:gd name="connsiteX14" fmla="*/ 33554 w 124767"/>
                <a:gd name="connsiteY14" fmla="*/ 66629 h 141959"/>
                <a:gd name="connsiteX15" fmla="*/ 73710 w 124767"/>
                <a:gd name="connsiteY15" fmla="*/ 45078 h 141959"/>
                <a:gd name="connsiteX16" fmla="*/ 84313 w 124767"/>
                <a:gd name="connsiteY16" fmla="*/ 40581 h 141959"/>
                <a:gd name="connsiteX17" fmla="*/ 64372 w 124767"/>
                <a:gd name="connsiteY17" fmla="*/ 11900 h 141959"/>
                <a:gd name="connsiteX18" fmla="*/ 34708 w 124767"/>
                <a:gd name="connsiteY18" fmla="*/ 45078 h 1419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767" h="141959">
                  <a:moveTo>
                    <a:pt x="33719" y="66629"/>
                  </a:moveTo>
                  <a:cubicBezTo>
                    <a:pt x="33719" y="99533"/>
                    <a:pt x="57230" y="118781"/>
                    <a:pt x="75578" y="118781"/>
                  </a:cubicBezTo>
                  <a:cubicBezTo>
                    <a:pt x="95629" y="118781"/>
                    <a:pt x="107824" y="110336"/>
                    <a:pt x="114636" y="100081"/>
                  </a:cubicBezTo>
                  <a:cubicBezTo>
                    <a:pt x="115954" y="97833"/>
                    <a:pt x="117218" y="97833"/>
                    <a:pt x="118536" y="98491"/>
                  </a:cubicBezTo>
                  <a:lnTo>
                    <a:pt x="123315" y="101343"/>
                  </a:lnTo>
                  <a:cubicBezTo>
                    <a:pt x="124908" y="102330"/>
                    <a:pt x="125567" y="103646"/>
                    <a:pt x="123315" y="107814"/>
                  </a:cubicBezTo>
                  <a:cubicBezTo>
                    <a:pt x="111940" y="129484"/>
                    <a:pt x="89140" y="142739"/>
                    <a:pt x="64646" y="141923"/>
                  </a:cubicBezTo>
                  <a:cubicBezTo>
                    <a:pt x="44046" y="141923"/>
                    <a:pt x="29489" y="137427"/>
                    <a:pt x="18228" y="124594"/>
                  </a:cubicBezTo>
                  <a:cubicBezTo>
                    <a:pt x="3396" y="107485"/>
                    <a:pt x="155" y="91417"/>
                    <a:pt x="155" y="71455"/>
                  </a:cubicBezTo>
                  <a:cubicBezTo>
                    <a:pt x="-1026" y="54143"/>
                    <a:pt x="4589" y="37052"/>
                    <a:pt x="15811" y="23800"/>
                  </a:cubicBezTo>
                  <a:cubicBezTo>
                    <a:pt x="29324" y="6471"/>
                    <a:pt x="43882" y="0"/>
                    <a:pt x="71898" y="0"/>
                  </a:cubicBezTo>
                  <a:cubicBezTo>
                    <a:pt x="108648" y="0"/>
                    <a:pt x="120623" y="38387"/>
                    <a:pt x="120623" y="51549"/>
                  </a:cubicBezTo>
                  <a:cubicBezTo>
                    <a:pt x="120623" y="56320"/>
                    <a:pt x="117382" y="56704"/>
                    <a:pt x="111559" y="56704"/>
                  </a:cubicBezTo>
                  <a:lnTo>
                    <a:pt x="33554" y="56704"/>
                  </a:lnTo>
                  <a:lnTo>
                    <a:pt x="33554" y="66629"/>
                  </a:lnTo>
                  <a:close/>
                  <a:moveTo>
                    <a:pt x="73710" y="45078"/>
                  </a:moveTo>
                  <a:cubicBezTo>
                    <a:pt x="80412" y="45078"/>
                    <a:pt x="84313" y="43158"/>
                    <a:pt x="84313" y="40581"/>
                  </a:cubicBezTo>
                  <a:cubicBezTo>
                    <a:pt x="84313" y="30929"/>
                    <a:pt x="81126" y="11900"/>
                    <a:pt x="64372" y="11900"/>
                  </a:cubicBezTo>
                  <a:cubicBezTo>
                    <a:pt x="48551" y="11900"/>
                    <a:pt x="38828" y="23526"/>
                    <a:pt x="34708" y="45078"/>
                  </a:cubicBezTo>
                  <a:close/>
                </a:path>
              </a:pathLst>
            </a:custGeom>
            <a:solidFill>
              <a:srgbClr val="FFFFFF"/>
            </a:solidFill>
            <a:ln w="5493" cap="flat">
              <a:noFill/>
              <a:prstDash val="solid"/>
              <a:miter/>
            </a:ln>
          </p:spPr>
          <p:txBody>
            <a:bodyPr rtlCol="0" anchor="ctr"/>
            <a:lstStyle/>
            <a:p>
              <a:endParaRPr lang="en-US"/>
            </a:p>
          </p:txBody>
        </p:sp>
        <p:sp>
          <p:nvSpPr>
            <p:cNvPr id="58" name="Freeform: Shape 57">
              <a:extLst>
                <a:ext uri="{FF2B5EF4-FFF2-40B4-BE49-F238E27FC236}">
                  <a16:creationId xmlns:a16="http://schemas.microsoft.com/office/drawing/2014/main" id="{24A5E709-7391-45D8-A212-6D04C7F6728E}"/>
                </a:ext>
              </a:extLst>
            </p:cNvPr>
            <p:cNvSpPr/>
            <p:nvPr userDrawn="1"/>
          </p:nvSpPr>
          <p:spPr>
            <a:xfrm>
              <a:off x="9857495" y="573143"/>
              <a:ext cx="110970" cy="140968"/>
            </a:xfrm>
            <a:custGeom>
              <a:avLst/>
              <a:gdLst>
                <a:gd name="connsiteX0" fmla="*/ 22248 w 110970"/>
                <a:gd name="connsiteY0" fmla="*/ 57339 h 140968"/>
                <a:gd name="connsiteX1" fmla="*/ 9998 w 110970"/>
                <a:gd name="connsiteY1" fmla="*/ 32222 h 140968"/>
                <a:gd name="connsiteX2" fmla="*/ 4505 w 110970"/>
                <a:gd name="connsiteY2" fmla="*/ 28987 h 140968"/>
                <a:gd name="connsiteX3" fmla="*/ 1923 w 110970"/>
                <a:gd name="connsiteY3" fmla="*/ 26409 h 140968"/>
                <a:gd name="connsiteX4" fmla="*/ 1923 w 110970"/>
                <a:gd name="connsiteY4" fmla="*/ 24490 h 140968"/>
                <a:gd name="connsiteX5" fmla="*/ 4505 w 110970"/>
                <a:gd name="connsiteY5" fmla="*/ 21584 h 140968"/>
                <a:gd name="connsiteX6" fmla="*/ 43507 w 110970"/>
                <a:gd name="connsiteY6" fmla="*/ 3213 h 140968"/>
                <a:gd name="connsiteX7" fmla="*/ 48671 w 110970"/>
                <a:gd name="connsiteY7" fmla="*/ 1951 h 140968"/>
                <a:gd name="connsiteX8" fmla="*/ 51582 w 110970"/>
                <a:gd name="connsiteY8" fmla="*/ 5845 h 140968"/>
                <a:gd name="connsiteX9" fmla="*/ 54439 w 110970"/>
                <a:gd name="connsiteY9" fmla="*/ 28987 h 140968"/>
                <a:gd name="connsiteX10" fmla="*/ 55757 w 110970"/>
                <a:gd name="connsiteY10" fmla="*/ 28987 h 140968"/>
                <a:gd name="connsiteX11" fmla="*/ 94211 w 110970"/>
                <a:gd name="connsiteY11" fmla="*/ 32 h 140968"/>
                <a:gd name="connsiteX12" fmla="*/ 110940 w 110970"/>
                <a:gd name="connsiteY12" fmla="*/ 14747 h 140968"/>
                <a:gd name="connsiteX13" fmla="*/ 110965 w 110970"/>
                <a:gd name="connsiteY13" fmla="*/ 16155 h 140968"/>
                <a:gd name="connsiteX14" fmla="*/ 93497 w 110970"/>
                <a:gd name="connsiteY14" fmla="*/ 33264 h 140968"/>
                <a:gd name="connsiteX15" fmla="*/ 82510 w 110970"/>
                <a:gd name="connsiteY15" fmla="*/ 30742 h 140968"/>
                <a:gd name="connsiteX16" fmla="*/ 73501 w 110970"/>
                <a:gd name="connsiteY16" fmla="*/ 28109 h 140968"/>
                <a:gd name="connsiteX17" fmla="*/ 60262 w 110970"/>
                <a:gd name="connsiteY17" fmla="*/ 37706 h 140968"/>
                <a:gd name="connsiteX18" fmla="*/ 56362 w 110970"/>
                <a:gd name="connsiteY18" fmla="*/ 53500 h 140968"/>
                <a:gd name="connsiteX19" fmla="*/ 56362 w 110970"/>
                <a:gd name="connsiteY19" fmla="*/ 115523 h 140968"/>
                <a:gd name="connsiteX20" fmla="*/ 65426 w 110970"/>
                <a:gd name="connsiteY20" fmla="*/ 129013 h 140968"/>
                <a:gd name="connsiteX21" fmla="*/ 79653 w 110970"/>
                <a:gd name="connsiteY21" fmla="*/ 129013 h 140968"/>
                <a:gd name="connsiteX22" fmla="*/ 82180 w 110970"/>
                <a:gd name="connsiteY22" fmla="*/ 131262 h 140968"/>
                <a:gd name="connsiteX23" fmla="*/ 82180 w 110970"/>
                <a:gd name="connsiteY23" fmla="*/ 138720 h 140968"/>
                <a:gd name="connsiteX24" fmla="*/ 79928 w 110970"/>
                <a:gd name="connsiteY24" fmla="*/ 140968 h 140968"/>
                <a:gd name="connsiteX25" fmla="*/ 39937 w 110970"/>
                <a:gd name="connsiteY25" fmla="*/ 139981 h 140968"/>
                <a:gd name="connsiteX26" fmla="*/ 2252 w 110970"/>
                <a:gd name="connsiteY26" fmla="*/ 140968 h 140968"/>
                <a:gd name="connsiteX27" fmla="*/ 0 w 110970"/>
                <a:gd name="connsiteY27" fmla="*/ 138720 h 140968"/>
                <a:gd name="connsiteX28" fmla="*/ 0 w 110970"/>
                <a:gd name="connsiteY28" fmla="*/ 131975 h 140968"/>
                <a:gd name="connsiteX29" fmla="*/ 2857 w 110970"/>
                <a:gd name="connsiteY29" fmla="*/ 129342 h 140968"/>
                <a:gd name="connsiteX30" fmla="*/ 14173 w 110970"/>
                <a:gd name="connsiteY30" fmla="*/ 129342 h 140968"/>
                <a:gd name="connsiteX31" fmla="*/ 22564 w 110970"/>
                <a:gd name="connsiteY31" fmla="*/ 122806 h 140968"/>
                <a:gd name="connsiteX32" fmla="*/ 22523 w 110970"/>
                <a:gd name="connsiteY32" fmla="*/ 120678 h 140968"/>
                <a:gd name="connsiteX33" fmla="*/ 22523 w 110970"/>
                <a:gd name="connsiteY33" fmla="*/ 57339 h 140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10970" h="140968">
                  <a:moveTo>
                    <a:pt x="22248" y="57339"/>
                  </a:moveTo>
                  <a:cubicBezTo>
                    <a:pt x="22248" y="42532"/>
                    <a:pt x="19666" y="37377"/>
                    <a:pt x="9998" y="32222"/>
                  </a:cubicBezTo>
                  <a:lnTo>
                    <a:pt x="4505" y="28987"/>
                  </a:lnTo>
                  <a:cubicBezTo>
                    <a:pt x="2582" y="28329"/>
                    <a:pt x="1923" y="27726"/>
                    <a:pt x="1923" y="26409"/>
                  </a:cubicBezTo>
                  <a:lnTo>
                    <a:pt x="1923" y="24490"/>
                  </a:lnTo>
                  <a:cubicBezTo>
                    <a:pt x="1923" y="23229"/>
                    <a:pt x="2582" y="22571"/>
                    <a:pt x="4505" y="21584"/>
                  </a:cubicBezTo>
                  <a:lnTo>
                    <a:pt x="43507" y="3213"/>
                  </a:lnTo>
                  <a:cubicBezTo>
                    <a:pt x="45145" y="2504"/>
                    <a:pt x="46891" y="2078"/>
                    <a:pt x="48671" y="1951"/>
                  </a:cubicBezTo>
                  <a:cubicBezTo>
                    <a:pt x="50594" y="1951"/>
                    <a:pt x="51198" y="3925"/>
                    <a:pt x="51582" y="5845"/>
                  </a:cubicBezTo>
                  <a:lnTo>
                    <a:pt x="54439" y="28987"/>
                  </a:lnTo>
                  <a:lnTo>
                    <a:pt x="55757" y="28987"/>
                  </a:lnTo>
                  <a:cubicBezTo>
                    <a:pt x="66744" y="11000"/>
                    <a:pt x="80258" y="32"/>
                    <a:pt x="94211" y="32"/>
                  </a:cubicBezTo>
                  <a:cubicBezTo>
                    <a:pt x="102901" y="-516"/>
                    <a:pt x="110390" y="6072"/>
                    <a:pt x="110940" y="14747"/>
                  </a:cubicBezTo>
                  <a:cubicBezTo>
                    <a:pt x="110969" y="15215"/>
                    <a:pt x="110978" y="15685"/>
                    <a:pt x="110965" y="16155"/>
                  </a:cubicBezTo>
                  <a:cubicBezTo>
                    <a:pt x="110218" y="25402"/>
                    <a:pt x="102773" y="32694"/>
                    <a:pt x="93497" y="33264"/>
                  </a:cubicBezTo>
                  <a:cubicBezTo>
                    <a:pt x="89692" y="33251"/>
                    <a:pt x="85938" y="32389"/>
                    <a:pt x="82510" y="30742"/>
                  </a:cubicBezTo>
                  <a:cubicBezTo>
                    <a:pt x="79886" y="28884"/>
                    <a:pt x="76714" y="27957"/>
                    <a:pt x="73501" y="28109"/>
                  </a:cubicBezTo>
                  <a:cubicBezTo>
                    <a:pt x="67729" y="28824"/>
                    <a:pt x="62729" y="32448"/>
                    <a:pt x="60262" y="37706"/>
                  </a:cubicBezTo>
                  <a:cubicBezTo>
                    <a:pt x="57786" y="42610"/>
                    <a:pt x="56452" y="48009"/>
                    <a:pt x="56362" y="53500"/>
                  </a:cubicBezTo>
                  <a:lnTo>
                    <a:pt x="56362" y="115523"/>
                  </a:lnTo>
                  <a:cubicBezTo>
                    <a:pt x="56362" y="125778"/>
                    <a:pt x="58998" y="129013"/>
                    <a:pt x="65426" y="129013"/>
                  </a:cubicBezTo>
                  <a:lnTo>
                    <a:pt x="79653" y="129013"/>
                  </a:lnTo>
                  <a:cubicBezTo>
                    <a:pt x="81521" y="129013"/>
                    <a:pt x="82180" y="129671"/>
                    <a:pt x="82180" y="131262"/>
                  </a:cubicBezTo>
                  <a:lnTo>
                    <a:pt x="82180" y="138720"/>
                  </a:lnTo>
                  <a:cubicBezTo>
                    <a:pt x="82180" y="140310"/>
                    <a:pt x="81521" y="140968"/>
                    <a:pt x="79928" y="140968"/>
                  </a:cubicBezTo>
                  <a:cubicBezTo>
                    <a:pt x="78335" y="140968"/>
                    <a:pt x="63448" y="139981"/>
                    <a:pt x="39937" y="139981"/>
                  </a:cubicBezTo>
                  <a:cubicBezTo>
                    <a:pt x="17414" y="139981"/>
                    <a:pt x="4834" y="140968"/>
                    <a:pt x="2252" y="140968"/>
                  </a:cubicBezTo>
                  <a:cubicBezTo>
                    <a:pt x="604" y="140968"/>
                    <a:pt x="0" y="140310"/>
                    <a:pt x="0" y="138720"/>
                  </a:cubicBezTo>
                  <a:lnTo>
                    <a:pt x="0" y="131975"/>
                  </a:lnTo>
                  <a:cubicBezTo>
                    <a:pt x="0" y="130000"/>
                    <a:pt x="604" y="129342"/>
                    <a:pt x="2857" y="129342"/>
                  </a:cubicBezTo>
                  <a:lnTo>
                    <a:pt x="14173" y="129342"/>
                  </a:lnTo>
                  <a:cubicBezTo>
                    <a:pt x="18298" y="129851"/>
                    <a:pt x="22055" y="126924"/>
                    <a:pt x="22564" y="122806"/>
                  </a:cubicBezTo>
                  <a:cubicBezTo>
                    <a:pt x="22651" y="122099"/>
                    <a:pt x="22638" y="121382"/>
                    <a:pt x="22523" y="120678"/>
                  </a:cubicBezTo>
                  <a:lnTo>
                    <a:pt x="22523" y="57339"/>
                  </a:lnTo>
                  <a:close/>
                </a:path>
              </a:pathLst>
            </a:custGeom>
            <a:solidFill>
              <a:srgbClr val="FFFFFF"/>
            </a:solidFill>
            <a:ln w="5493" cap="flat">
              <a:noFill/>
              <a:prstDash val="solid"/>
              <a:miter/>
            </a:ln>
          </p:spPr>
          <p:txBody>
            <a:bodyPr rtlCol="0" anchor="ctr"/>
            <a:lstStyle/>
            <a:p>
              <a:endParaRPr lang="en-US"/>
            </a:p>
          </p:txBody>
        </p:sp>
        <p:sp>
          <p:nvSpPr>
            <p:cNvPr id="59" name="Freeform: Shape 58">
              <a:extLst>
                <a:ext uri="{FF2B5EF4-FFF2-40B4-BE49-F238E27FC236}">
                  <a16:creationId xmlns:a16="http://schemas.microsoft.com/office/drawing/2014/main" id="{05DB60B6-144D-45CC-9DDB-274942E7FF03}"/>
                </a:ext>
              </a:extLst>
            </p:cNvPr>
            <p:cNvSpPr/>
            <p:nvPr userDrawn="1"/>
          </p:nvSpPr>
          <p:spPr>
            <a:xfrm>
              <a:off x="9978059" y="575050"/>
              <a:ext cx="96789" cy="141230"/>
            </a:xfrm>
            <a:custGeom>
              <a:avLst/>
              <a:gdLst>
                <a:gd name="connsiteX0" fmla="*/ 124 w 96789"/>
                <a:gd name="connsiteY0" fmla="*/ 97603 h 141230"/>
                <a:gd name="connsiteX1" fmla="*/ 1058 w 96789"/>
                <a:gd name="connsiteY1" fmla="*/ 94971 h 141230"/>
                <a:gd name="connsiteX2" fmla="*/ 7156 w 96789"/>
                <a:gd name="connsiteY2" fmla="*/ 93106 h 141230"/>
                <a:gd name="connsiteX3" fmla="*/ 10067 w 96789"/>
                <a:gd name="connsiteY3" fmla="*/ 94038 h 141230"/>
                <a:gd name="connsiteX4" fmla="*/ 20724 w 96789"/>
                <a:gd name="connsiteY4" fmla="*/ 112081 h 141230"/>
                <a:gd name="connsiteX5" fmla="*/ 48466 w 96789"/>
                <a:gd name="connsiteY5" fmla="*/ 129410 h 141230"/>
                <a:gd name="connsiteX6" fmla="*/ 71318 w 96789"/>
                <a:gd name="connsiteY6" fmla="*/ 109777 h 141230"/>
                <a:gd name="connsiteX7" fmla="*/ 40391 w 96789"/>
                <a:gd name="connsiteY7" fmla="*/ 84716 h 141230"/>
                <a:gd name="connsiteX8" fmla="*/ 1058 w 96789"/>
                <a:gd name="connsiteY8" fmla="*/ 44464 h 141230"/>
                <a:gd name="connsiteX9" fmla="*/ 17538 w 96789"/>
                <a:gd name="connsiteY9" fmla="*/ 10683 h 141230"/>
                <a:gd name="connsiteX10" fmla="*/ 51103 w 96789"/>
                <a:gd name="connsiteY10" fmla="*/ 44 h 141230"/>
                <a:gd name="connsiteX11" fmla="*/ 82525 w 96789"/>
                <a:gd name="connsiteY11" fmla="*/ 7119 h 141230"/>
                <a:gd name="connsiteX12" fmla="*/ 88622 w 96789"/>
                <a:gd name="connsiteY12" fmla="*/ 12602 h 141230"/>
                <a:gd name="connsiteX13" fmla="*/ 92852 w 96789"/>
                <a:gd name="connsiteY13" fmla="*/ 34538 h 141230"/>
                <a:gd name="connsiteX14" fmla="*/ 92522 w 96789"/>
                <a:gd name="connsiteY14" fmla="*/ 38103 h 141230"/>
                <a:gd name="connsiteX15" fmla="*/ 86370 w 96789"/>
                <a:gd name="connsiteY15" fmla="*/ 40954 h 141230"/>
                <a:gd name="connsiteX16" fmla="*/ 83866 w 96789"/>
                <a:gd name="connsiteY16" fmla="*/ 39711 h 141230"/>
                <a:gd name="connsiteX17" fmla="*/ 83843 w 96789"/>
                <a:gd name="connsiteY17" fmla="*/ 39638 h 141230"/>
                <a:gd name="connsiteX18" fmla="*/ 68297 w 96789"/>
                <a:gd name="connsiteY18" fmla="*/ 22309 h 141230"/>
                <a:gd name="connsiteX19" fmla="*/ 48026 w 96789"/>
                <a:gd name="connsiteY19" fmla="*/ 12383 h 141230"/>
                <a:gd name="connsiteX20" fmla="*/ 25778 w 96789"/>
                <a:gd name="connsiteY20" fmla="*/ 30699 h 141230"/>
                <a:gd name="connsiteX21" fmla="*/ 54783 w 96789"/>
                <a:gd name="connsiteY21" fmla="*/ 52635 h 141230"/>
                <a:gd name="connsiteX22" fmla="*/ 87029 w 96789"/>
                <a:gd name="connsiteY22" fmla="*/ 69087 h 141230"/>
                <a:gd name="connsiteX23" fmla="*/ 96697 w 96789"/>
                <a:gd name="connsiteY23" fmla="*/ 94916 h 141230"/>
                <a:gd name="connsiteX24" fmla="*/ 42918 w 96789"/>
                <a:gd name="connsiteY24" fmla="*/ 141200 h 141230"/>
                <a:gd name="connsiteX25" fmla="*/ 8035 w 96789"/>
                <a:gd name="connsiteY25" fmla="*/ 132865 h 141230"/>
                <a:gd name="connsiteX26" fmla="*/ 5618 w 96789"/>
                <a:gd name="connsiteY26" fmla="*/ 130068 h 141230"/>
                <a:gd name="connsiteX27" fmla="*/ 124 w 96789"/>
                <a:gd name="connsiteY27" fmla="*/ 97603 h 141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6789" h="141230">
                  <a:moveTo>
                    <a:pt x="124" y="97603"/>
                  </a:moveTo>
                  <a:cubicBezTo>
                    <a:pt x="-205" y="96287"/>
                    <a:pt x="124" y="95300"/>
                    <a:pt x="1058" y="94971"/>
                  </a:cubicBezTo>
                  <a:lnTo>
                    <a:pt x="7156" y="93106"/>
                  </a:lnTo>
                  <a:cubicBezTo>
                    <a:pt x="8474" y="92777"/>
                    <a:pt x="9408" y="92777"/>
                    <a:pt x="10067" y="94038"/>
                  </a:cubicBezTo>
                  <a:lnTo>
                    <a:pt x="20724" y="112081"/>
                  </a:lnTo>
                  <a:cubicBezTo>
                    <a:pt x="26547" y="121787"/>
                    <a:pt x="32645" y="129410"/>
                    <a:pt x="48466" y="129410"/>
                  </a:cubicBezTo>
                  <a:cubicBezTo>
                    <a:pt x="61046" y="129410"/>
                    <a:pt x="71318" y="121787"/>
                    <a:pt x="71318" y="109777"/>
                  </a:cubicBezTo>
                  <a:cubicBezTo>
                    <a:pt x="71318" y="96890"/>
                    <a:pt x="62968" y="91077"/>
                    <a:pt x="40391" y="84716"/>
                  </a:cubicBezTo>
                  <a:cubicBezTo>
                    <a:pt x="17813" y="78355"/>
                    <a:pt x="1058" y="67332"/>
                    <a:pt x="1058" y="44464"/>
                  </a:cubicBezTo>
                  <a:cubicBezTo>
                    <a:pt x="438" y="31138"/>
                    <a:pt x="6646" y="18412"/>
                    <a:pt x="17538" y="10683"/>
                  </a:cubicBezTo>
                  <a:cubicBezTo>
                    <a:pt x="27195" y="3442"/>
                    <a:pt x="39030" y="-309"/>
                    <a:pt x="51103" y="44"/>
                  </a:cubicBezTo>
                  <a:cubicBezTo>
                    <a:pt x="62015" y="-365"/>
                    <a:pt x="72845" y="2073"/>
                    <a:pt x="82525" y="7119"/>
                  </a:cubicBezTo>
                  <a:cubicBezTo>
                    <a:pt x="87359" y="9696"/>
                    <a:pt x="88293" y="11012"/>
                    <a:pt x="88622" y="12602"/>
                  </a:cubicBezTo>
                  <a:lnTo>
                    <a:pt x="92852" y="34538"/>
                  </a:lnTo>
                  <a:cubicBezTo>
                    <a:pt x="93216" y="35723"/>
                    <a:pt x="93097" y="37004"/>
                    <a:pt x="92522" y="38103"/>
                  </a:cubicBezTo>
                  <a:lnTo>
                    <a:pt x="86370" y="40954"/>
                  </a:lnTo>
                  <a:cubicBezTo>
                    <a:pt x="85334" y="41301"/>
                    <a:pt x="84213" y="40744"/>
                    <a:pt x="83866" y="39711"/>
                  </a:cubicBezTo>
                  <a:cubicBezTo>
                    <a:pt x="83858" y="39687"/>
                    <a:pt x="83850" y="39662"/>
                    <a:pt x="83843" y="39638"/>
                  </a:cubicBezTo>
                  <a:lnTo>
                    <a:pt x="68297" y="22309"/>
                  </a:lnTo>
                  <a:cubicBezTo>
                    <a:pt x="63398" y="16102"/>
                    <a:pt x="55942" y="12451"/>
                    <a:pt x="48026" y="12383"/>
                  </a:cubicBezTo>
                  <a:cubicBezTo>
                    <a:pt x="36106" y="12383"/>
                    <a:pt x="25778" y="19403"/>
                    <a:pt x="25778" y="30699"/>
                  </a:cubicBezTo>
                  <a:cubicBezTo>
                    <a:pt x="25778" y="43861"/>
                    <a:pt x="35447" y="47809"/>
                    <a:pt x="54783" y="52635"/>
                  </a:cubicBezTo>
                  <a:cubicBezTo>
                    <a:pt x="69670" y="56474"/>
                    <a:pt x="78679" y="60367"/>
                    <a:pt x="87029" y="69087"/>
                  </a:cubicBezTo>
                  <a:cubicBezTo>
                    <a:pt x="93884" y="75868"/>
                    <a:pt x="97418" y="85308"/>
                    <a:pt x="96697" y="94916"/>
                  </a:cubicBezTo>
                  <a:cubicBezTo>
                    <a:pt x="96697" y="121897"/>
                    <a:pt x="74724" y="141200"/>
                    <a:pt x="42918" y="141200"/>
                  </a:cubicBezTo>
                  <a:cubicBezTo>
                    <a:pt x="30755" y="141561"/>
                    <a:pt x="18715" y="138684"/>
                    <a:pt x="8035" y="132865"/>
                  </a:cubicBezTo>
                  <a:cubicBezTo>
                    <a:pt x="7052" y="132100"/>
                    <a:pt x="6231" y="131150"/>
                    <a:pt x="5618" y="130068"/>
                  </a:cubicBezTo>
                  <a:lnTo>
                    <a:pt x="124" y="97603"/>
                  </a:lnTo>
                  <a:close/>
                </a:path>
              </a:pathLst>
            </a:custGeom>
            <a:solidFill>
              <a:srgbClr val="FFFFFF"/>
            </a:solidFill>
            <a:ln w="5493" cap="flat">
              <a:noFill/>
              <a:prstDash val="solid"/>
              <a:miter/>
            </a:ln>
          </p:spPr>
          <p:txBody>
            <a:bodyPr rtlCol="0" anchor="ctr"/>
            <a:lstStyle/>
            <a:p>
              <a:endParaRPr lang="en-US"/>
            </a:p>
          </p:txBody>
        </p:sp>
        <p:sp>
          <p:nvSpPr>
            <p:cNvPr id="60" name="Freeform: Shape 59">
              <a:extLst>
                <a:ext uri="{FF2B5EF4-FFF2-40B4-BE49-F238E27FC236}">
                  <a16:creationId xmlns:a16="http://schemas.microsoft.com/office/drawing/2014/main" id="{40C49F5F-CFAB-4ABD-A92D-C60A77128E66}"/>
                </a:ext>
              </a:extLst>
            </p:cNvPr>
            <p:cNvSpPr/>
            <p:nvPr userDrawn="1"/>
          </p:nvSpPr>
          <p:spPr>
            <a:xfrm>
              <a:off x="9462524" y="480497"/>
              <a:ext cx="247804" cy="233669"/>
            </a:xfrm>
            <a:custGeom>
              <a:avLst/>
              <a:gdLst>
                <a:gd name="connsiteX0" fmla="*/ 244618 w 247804"/>
                <a:gd name="connsiteY0" fmla="*/ 221714 h 233669"/>
                <a:gd name="connsiteX1" fmla="*/ 231709 w 247804"/>
                <a:gd name="connsiteY1" fmla="*/ 221714 h 233669"/>
                <a:gd name="connsiteX2" fmla="*/ 226545 w 247804"/>
                <a:gd name="connsiteY2" fmla="*/ 213379 h 233669"/>
                <a:gd name="connsiteX3" fmla="*/ 225886 w 247804"/>
                <a:gd name="connsiteY3" fmla="*/ 185630 h 233669"/>
                <a:gd name="connsiteX4" fmla="*/ 225886 w 247804"/>
                <a:gd name="connsiteY4" fmla="*/ 150917 h 233669"/>
                <a:gd name="connsiteX5" fmla="*/ 226545 w 247804"/>
                <a:gd name="connsiteY5" fmla="*/ 98491 h 233669"/>
                <a:gd name="connsiteX6" fmla="*/ 223963 w 247804"/>
                <a:gd name="connsiteY6" fmla="*/ 94597 h 233669"/>
                <a:gd name="connsiteX7" fmla="*/ 216218 w 247804"/>
                <a:gd name="connsiteY7" fmla="*/ 96572 h 233669"/>
                <a:gd name="connsiteX8" fmla="*/ 174304 w 247804"/>
                <a:gd name="connsiteY8" fmla="*/ 111981 h 233669"/>
                <a:gd name="connsiteX9" fmla="*/ 172051 w 247804"/>
                <a:gd name="connsiteY9" fmla="*/ 114559 h 233669"/>
                <a:gd name="connsiteX10" fmla="*/ 172051 w 247804"/>
                <a:gd name="connsiteY10" fmla="*/ 118123 h 233669"/>
                <a:gd name="connsiteX11" fmla="*/ 175238 w 247804"/>
                <a:gd name="connsiteY11" fmla="*/ 120975 h 233669"/>
                <a:gd name="connsiteX12" fmla="*/ 192047 w 247804"/>
                <a:gd name="connsiteY12" fmla="*/ 140936 h 233669"/>
                <a:gd name="connsiteX13" fmla="*/ 192047 w 247804"/>
                <a:gd name="connsiteY13" fmla="*/ 186233 h 233669"/>
                <a:gd name="connsiteX14" fmla="*/ 191388 w 247804"/>
                <a:gd name="connsiteY14" fmla="*/ 215188 h 233669"/>
                <a:gd name="connsiteX15" fmla="*/ 186224 w 247804"/>
                <a:gd name="connsiteY15" fmla="*/ 221605 h 233669"/>
                <a:gd name="connsiteX16" fmla="*/ 170294 w 247804"/>
                <a:gd name="connsiteY16" fmla="*/ 222098 h 233669"/>
                <a:gd name="connsiteX17" fmla="*/ 152880 w 247804"/>
                <a:gd name="connsiteY17" fmla="*/ 221605 h 233669"/>
                <a:gd name="connsiteX18" fmla="*/ 144530 w 247804"/>
                <a:gd name="connsiteY18" fmla="*/ 211295 h 233669"/>
                <a:gd name="connsiteX19" fmla="*/ 143871 w 247804"/>
                <a:gd name="connsiteY19" fmla="*/ 154043 h 233669"/>
                <a:gd name="connsiteX20" fmla="*/ 143871 w 247804"/>
                <a:gd name="connsiteY20" fmla="*/ 107759 h 233669"/>
                <a:gd name="connsiteX21" fmla="*/ 145189 w 247804"/>
                <a:gd name="connsiteY21" fmla="*/ 5813 h 233669"/>
                <a:gd name="connsiteX22" fmla="*/ 141948 w 247804"/>
                <a:gd name="connsiteY22" fmla="*/ 0 h 233669"/>
                <a:gd name="connsiteX23" fmla="*/ 134861 w 247804"/>
                <a:gd name="connsiteY23" fmla="*/ 1919 h 233669"/>
                <a:gd name="connsiteX24" fmla="*/ 86520 w 247804"/>
                <a:gd name="connsiteY24" fmla="*/ 20619 h 233669"/>
                <a:gd name="connsiteX25" fmla="*/ 83938 w 247804"/>
                <a:gd name="connsiteY25" fmla="*/ 23142 h 233669"/>
                <a:gd name="connsiteX26" fmla="*/ 83938 w 247804"/>
                <a:gd name="connsiteY26" fmla="*/ 27200 h 233669"/>
                <a:gd name="connsiteX27" fmla="*/ 85861 w 247804"/>
                <a:gd name="connsiteY27" fmla="*/ 29887 h 233669"/>
                <a:gd name="connsiteX28" fmla="*/ 92288 w 247804"/>
                <a:gd name="connsiteY28" fmla="*/ 31752 h 233669"/>
                <a:gd name="connsiteX29" fmla="*/ 108768 w 247804"/>
                <a:gd name="connsiteY29" fmla="*/ 51055 h 233669"/>
                <a:gd name="connsiteX30" fmla="*/ 110087 w 247804"/>
                <a:gd name="connsiteY30" fmla="*/ 109623 h 233669"/>
                <a:gd name="connsiteX31" fmla="*/ 110087 w 247804"/>
                <a:gd name="connsiteY31" fmla="*/ 210198 h 233669"/>
                <a:gd name="connsiteX32" fmla="*/ 102011 w 247804"/>
                <a:gd name="connsiteY32" fmla="*/ 221714 h 233669"/>
                <a:gd name="connsiteX33" fmla="*/ 85531 w 247804"/>
                <a:gd name="connsiteY33" fmla="*/ 222208 h 233669"/>
                <a:gd name="connsiteX34" fmla="*/ 69051 w 247804"/>
                <a:gd name="connsiteY34" fmla="*/ 221714 h 233669"/>
                <a:gd name="connsiteX35" fmla="*/ 60646 w 247804"/>
                <a:gd name="connsiteY35" fmla="*/ 211405 h 233669"/>
                <a:gd name="connsiteX36" fmla="*/ 59987 w 247804"/>
                <a:gd name="connsiteY36" fmla="*/ 154153 h 233669"/>
                <a:gd name="connsiteX37" fmla="*/ 59987 w 247804"/>
                <a:gd name="connsiteY37" fmla="*/ 107759 h 233669"/>
                <a:gd name="connsiteX38" fmla="*/ 61251 w 247804"/>
                <a:gd name="connsiteY38" fmla="*/ 5813 h 233669"/>
                <a:gd name="connsiteX39" fmla="*/ 58065 w 247804"/>
                <a:gd name="connsiteY39" fmla="*/ 0 h 233669"/>
                <a:gd name="connsiteX40" fmla="*/ 50978 w 247804"/>
                <a:gd name="connsiteY40" fmla="*/ 1919 h 233669"/>
                <a:gd name="connsiteX41" fmla="*/ 2637 w 247804"/>
                <a:gd name="connsiteY41" fmla="*/ 20619 h 233669"/>
                <a:gd name="connsiteX42" fmla="*/ 0 w 247804"/>
                <a:gd name="connsiteY42" fmla="*/ 23142 h 233669"/>
                <a:gd name="connsiteX43" fmla="*/ 0 w 247804"/>
                <a:gd name="connsiteY43" fmla="*/ 27200 h 233669"/>
                <a:gd name="connsiteX44" fmla="*/ 1978 w 247804"/>
                <a:gd name="connsiteY44" fmla="*/ 29887 h 233669"/>
                <a:gd name="connsiteX45" fmla="*/ 8405 w 247804"/>
                <a:gd name="connsiteY45" fmla="*/ 31752 h 233669"/>
                <a:gd name="connsiteX46" fmla="*/ 24885 w 247804"/>
                <a:gd name="connsiteY46" fmla="*/ 51055 h 233669"/>
                <a:gd name="connsiteX47" fmla="*/ 26203 w 247804"/>
                <a:gd name="connsiteY47" fmla="*/ 109623 h 233669"/>
                <a:gd name="connsiteX48" fmla="*/ 26203 w 247804"/>
                <a:gd name="connsiteY48" fmla="*/ 210198 h 233669"/>
                <a:gd name="connsiteX49" fmla="*/ 18128 w 247804"/>
                <a:gd name="connsiteY49" fmla="*/ 221714 h 233669"/>
                <a:gd name="connsiteX50" fmla="*/ 5658 w 247804"/>
                <a:gd name="connsiteY50" fmla="*/ 221714 h 233669"/>
                <a:gd name="connsiteX51" fmla="*/ 1154 w 247804"/>
                <a:gd name="connsiteY51" fmla="*/ 224347 h 233669"/>
                <a:gd name="connsiteX52" fmla="*/ 1154 w 247804"/>
                <a:gd name="connsiteY52" fmla="*/ 230434 h 233669"/>
                <a:gd name="connsiteX53" fmla="*/ 3735 w 247804"/>
                <a:gd name="connsiteY53" fmla="*/ 233669 h 233669"/>
                <a:gd name="connsiteX54" fmla="*/ 127610 w 247804"/>
                <a:gd name="connsiteY54" fmla="*/ 233066 h 233669"/>
                <a:gd name="connsiteX55" fmla="*/ 245223 w 247804"/>
                <a:gd name="connsiteY55" fmla="*/ 233669 h 233669"/>
                <a:gd name="connsiteX56" fmla="*/ 247805 w 247804"/>
                <a:gd name="connsiteY56" fmla="*/ 230434 h 233669"/>
                <a:gd name="connsiteX57" fmla="*/ 247805 w 247804"/>
                <a:gd name="connsiteY57" fmla="*/ 223963 h 233669"/>
                <a:gd name="connsiteX58" fmla="*/ 244618 w 247804"/>
                <a:gd name="connsiteY58" fmla="*/ 221714 h 233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47804" h="233669">
                  <a:moveTo>
                    <a:pt x="244618" y="221714"/>
                  </a:moveTo>
                  <a:lnTo>
                    <a:pt x="231709" y="221714"/>
                  </a:lnTo>
                  <a:cubicBezTo>
                    <a:pt x="228468" y="221714"/>
                    <a:pt x="227150" y="219192"/>
                    <a:pt x="226545" y="213379"/>
                  </a:cubicBezTo>
                  <a:cubicBezTo>
                    <a:pt x="225886" y="209485"/>
                    <a:pt x="225886" y="197859"/>
                    <a:pt x="225886" y="185630"/>
                  </a:cubicBezTo>
                  <a:lnTo>
                    <a:pt x="225886" y="150917"/>
                  </a:lnTo>
                  <a:cubicBezTo>
                    <a:pt x="225886" y="124210"/>
                    <a:pt x="225886" y="103646"/>
                    <a:pt x="226545" y="98491"/>
                  </a:cubicBezTo>
                  <a:cubicBezTo>
                    <a:pt x="226875" y="95859"/>
                    <a:pt x="225886" y="94597"/>
                    <a:pt x="223963" y="94597"/>
                  </a:cubicBezTo>
                  <a:cubicBezTo>
                    <a:pt x="221282" y="94777"/>
                    <a:pt x="218657" y="95446"/>
                    <a:pt x="216218" y="96572"/>
                  </a:cubicBezTo>
                  <a:cubicBezTo>
                    <a:pt x="210725" y="98765"/>
                    <a:pt x="178808" y="110062"/>
                    <a:pt x="174304" y="111981"/>
                  </a:cubicBezTo>
                  <a:cubicBezTo>
                    <a:pt x="172656" y="112639"/>
                    <a:pt x="172051" y="113297"/>
                    <a:pt x="172051" y="114559"/>
                  </a:cubicBezTo>
                  <a:lnTo>
                    <a:pt x="172051" y="118123"/>
                  </a:lnTo>
                  <a:cubicBezTo>
                    <a:pt x="172051" y="119385"/>
                    <a:pt x="172051" y="120372"/>
                    <a:pt x="175238" y="120975"/>
                  </a:cubicBezTo>
                  <a:cubicBezTo>
                    <a:pt x="190125" y="124869"/>
                    <a:pt x="192047" y="131285"/>
                    <a:pt x="192047" y="140936"/>
                  </a:cubicBezTo>
                  <a:lnTo>
                    <a:pt x="192047" y="186233"/>
                  </a:lnTo>
                  <a:cubicBezTo>
                    <a:pt x="192047" y="195227"/>
                    <a:pt x="191718" y="205537"/>
                    <a:pt x="191388" y="215188"/>
                  </a:cubicBezTo>
                  <a:cubicBezTo>
                    <a:pt x="191058" y="220672"/>
                    <a:pt x="189465" y="221605"/>
                    <a:pt x="186224" y="221605"/>
                  </a:cubicBezTo>
                  <a:cubicBezTo>
                    <a:pt x="180931" y="222127"/>
                    <a:pt x="175609" y="222291"/>
                    <a:pt x="170294" y="222098"/>
                  </a:cubicBezTo>
                  <a:cubicBezTo>
                    <a:pt x="164484" y="222235"/>
                    <a:pt x="158672" y="222070"/>
                    <a:pt x="152880" y="221605"/>
                  </a:cubicBezTo>
                  <a:cubicBezTo>
                    <a:pt x="145793" y="221605"/>
                    <a:pt x="145189" y="217108"/>
                    <a:pt x="144530" y="211295"/>
                  </a:cubicBezTo>
                  <a:cubicBezTo>
                    <a:pt x="143871" y="201643"/>
                    <a:pt x="143871" y="168850"/>
                    <a:pt x="143871" y="154043"/>
                  </a:cubicBezTo>
                  <a:lnTo>
                    <a:pt x="143871" y="107759"/>
                  </a:lnTo>
                  <a:cubicBezTo>
                    <a:pt x="143871" y="90101"/>
                    <a:pt x="144530" y="23142"/>
                    <a:pt x="145189" y="5813"/>
                  </a:cubicBezTo>
                  <a:cubicBezTo>
                    <a:pt x="145189" y="1316"/>
                    <a:pt x="143871" y="0"/>
                    <a:pt x="141948" y="0"/>
                  </a:cubicBezTo>
                  <a:cubicBezTo>
                    <a:pt x="139510" y="320"/>
                    <a:pt x="137127" y="966"/>
                    <a:pt x="134861" y="1919"/>
                  </a:cubicBezTo>
                  <a:cubicBezTo>
                    <a:pt x="124534" y="8336"/>
                    <a:pt x="99375" y="16726"/>
                    <a:pt x="86520" y="20619"/>
                  </a:cubicBezTo>
                  <a:cubicBezTo>
                    <a:pt x="84542" y="21223"/>
                    <a:pt x="83938" y="22484"/>
                    <a:pt x="83938" y="23142"/>
                  </a:cubicBezTo>
                  <a:lnTo>
                    <a:pt x="83938" y="27200"/>
                  </a:lnTo>
                  <a:cubicBezTo>
                    <a:pt x="83938" y="28571"/>
                    <a:pt x="83938" y="29174"/>
                    <a:pt x="85861" y="29887"/>
                  </a:cubicBezTo>
                  <a:lnTo>
                    <a:pt x="92288" y="31752"/>
                  </a:lnTo>
                  <a:cubicBezTo>
                    <a:pt x="102616" y="34987"/>
                    <a:pt x="108109" y="40142"/>
                    <a:pt x="108768" y="51055"/>
                  </a:cubicBezTo>
                  <a:cubicBezTo>
                    <a:pt x="109427" y="59446"/>
                    <a:pt x="110087" y="87084"/>
                    <a:pt x="110087" y="109623"/>
                  </a:cubicBezTo>
                  <a:lnTo>
                    <a:pt x="110087" y="210198"/>
                  </a:lnTo>
                  <a:cubicBezTo>
                    <a:pt x="110087" y="219192"/>
                    <a:pt x="105197" y="221714"/>
                    <a:pt x="102011" y="221714"/>
                  </a:cubicBezTo>
                  <a:cubicBezTo>
                    <a:pt x="102011" y="221714"/>
                    <a:pt x="97177" y="222208"/>
                    <a:pt x="85531" y="222208"/>
                  </a:cubicBezTo>
                  <a:cubicBezTo>
                    <a:pt x="73885" y="222208"/>
                    <a:pt x="69051" y="221714"/>
                    <a:pt x="69051" y="221714"/>
                  </a:cubicBezTo>
                  <a:cubicBezTo>
                    <a:pt x="61910" y="221714"/>
                    <a:pt x="61251" y="217218"/>
                    <a:pt x="60646" y="211405"/>
                  </a:cubicBezTo>
                  <a:cubicBezTo>
                    <a:pt x="59987" y="201753"/>
                    <a:pt x="59987" y="168959"/>
                    <a:pt x="59987" y="154153"/>
                  </a:cubicBezTo>
                  <a:lnTo>
                    <a:pt x="59987" y="107759"/>
                  </a:lnTo>
                  <a:cubicBezTo>
                    <a:pt x="59987" y="90101"/>
                    <a:pt x="60646" y="23142"/>
                    <a:pt x="61251" y="5813"/>
                  </a:cubicBezTo>
                  <a:cubicBezTo>
                    <a:pt x="61251" y="1316"/>
                    <a:pt x="59987" y="0"/>
                    <a:pt x="58065" y="0"/>
                  </a:cubicBezTo>
                  <a:cubicBezTo>
                    <a:pt x="55629" y="330"/>
                    <a:pt x="53247" y="976"/>
                    <a:pt x="50978" y="1919"/>
                  </a:cubicBezTo>
                  <a:cubicBezTo>
                    <a:pt x="40651" y="8336"/>
                    <a:pt x="15546" y="16726"/>
                    <a:pt x="2637" y="20619"/>
                  </a:cubicBezTo>
                  <a:cubicBezTo>
                    <a:pt x="659" y="21223"/>
                    <a:pt x="0" y="22484"/>
                    <a:pt x="0" y="23142"/>
                  </a:cubicBezTo>
                  <a:lnTo>
                    <a:pt x="0" y="27200"/>
                  </a:lnTo>
                  <a:cubicBezTo>
                    <a:pt x="0" y="28571"/>
                    <a:pt x="0" y="29174"/>
                    <a:pt x="1978" y="29887"/>
                  </a:cubicBezTo>
                  <a:lnTo>
                    <a:pt x="8405" y="31752"/>
                  </a:lnTo>
                  <a:cubicBezTo>
                    <a:pt x="18732" y="34987"/>
                    <a:pt x="24171" y="40142"/>
                    <a:pt x="24885" y="51055"/>
                  </a:cubicBezTo>
                  <a:cubicBezTo>
                    <a:pt x="25599" y="59446"/>
                    <a:pt x="26203" y="87084"/>
                    <a:pt x="26203" y="109623"/>
                  </a:cubicBezTo>
                  <a:lnTo>
                    <a:pt x="26203" y="210198"/>
                  </a:lnTo>
                  <a:cubicBezTo>
                    <a:pt x="26203" y="219192"/>
                    <a:pt x="21369" y="221714"/>
                    <a:pt x="18128" y="221714"/>
                  </a:cubicBezTo>
                  <a:lnTo>
                    <a:pt x="5658" y="221714"/>
                  </a:lnTo>
                  <a:cubicBezTo>
                    <a:pt x="1813" y="221714"/>
                    <a:pt x="1154" y="222372"/>
                    <a:pt x="1154" y="224347"/>
                  </a:cubicBezTo>
                  <a:lnTo>
                    <a:pt x="1154" y="230434"/>
                  </a:lnTo>
                  <a:cubicBezTo>
                    <a:pt x="1154" y="232353"/>
                    <a:pt x="1813" y="233669"/>
                    <a:pt x="3735" y="233669"/>
                  </a:cubicBezTo>
                  <a:cubicBezTo>
                    <a:pt x="5658" y="233669"/>
                    <a:pt x="66854" y="233066"/>
                    <a:pt x="127610" y="233066"/>
                  </a:cubicBezTo>
                  <a:cubicBezTo>
                    <a:pt x="186279" y="233066"/>
                    <a:pt x="243959" y="233669"/>
                    <a:pt x="245223" y="233669"/>
                  </a:cubicBezTo>
                  <a:cubicBezTo>
                    <a:pt x="246486" y="233669"/>
                    <a:pt x="247805" y="232353"/>
                    <a:pt x="247805" y="230434"/>
                  </a:cubicBezTo>
                  <a:lnTo>
                    <a:pt x="247805" y="223963"/>
                  </a:lnTo>
                  <a:cubicBezTo>
                    <a:pt x="247805" y="222372"/>
                    <a:pt x="247200" y="221714"/>
                    <a:pt x="244618" y="221714"/>
                  </a:cubicBezTo>
                </a:path>
              </a:pathLst>
            </a:custGeom>
            <a:solidFill>
              <a:srgbClr val="FFFFFF"/>
            </a:solidFill>
            <a:ln w="5493" cap="flat">
              <a:noFill/>
              <a:prstDash val="solid"/>
              <a:miter/>
            </a:ln>
          </p:spPr>
          <p:txBody>
            <a:bodyPr rtlCol="0" anchor="ctr"/>
            <a:lstStyle/>
            <a:p>
              <a:endParaRPr lang="en-US"/>
            </a:p>
          </p:txBody>
        </p:sp>
        <p:sp>
          <p:nvSpPr>
            <p:cNvPr id="61" name="Freeform: Shape 60">
              <a:extLst>
                <a:ext uri="{FF2B5EF4-FFF2-40B4-BE49-F238E27FC236}">
                  <a16:creationId xmlns:a16="http://schemas.microsoft.com/office/drawing/2014/main" id="{17996F76-7A42-4A56-82BB-0F607B3A4601}"/>
                </a:ext>
              </a:extLst>
            </p:cNvPr>
            <p:cNvSpPr/>
            <p:nvPr userDrawn="1"/>
          </p:nvSpPr>
          <p:spPr>
            <a:xfrm>
              <a:off x="9086437" y="480225"/>
              <a:ext cx="211220" cy="237560"/>
            </a:xfrm>
            <a:custGeom>
              <a:avLst/>
              <a:gdLst>
                <a:gd name="connsiteX0" fmla="*/ 210572 w 211220"/>
                <a:gd name="connsiteY0" fmla="*/ 186505 h 237560"/>
                <a:gd name="connsiteX1" fmla="*/ 204475 w 211220"/>
                <a:gd name="connsiteY1" fmla="*/ 181021 h 237560"/>
                <a:gd name="connsiteX2" fmla="*/ 202662 w 211220"/>
                <a:gd name="connsiteY2" fmla="*/ 181350 h 237560"/>
                <a:gd name="connsiteX3" fmla="*/ 128172 w 211220"/>
                <a:gd name="connsiteY3" fmla="*/ 215296 h 237560"/>
                <a:gd name="connsiteX4" fmla="*/ 72799 w 211220"/>
                <a:gd name="connsiteY4" fmla="*/ 190125 h 237560"/>
                <a:gd name="connsiteX5" fmla="*/ 43300 w 211220"/>
                <a:gd name="connsiteY5" fmla="*/ 106440 h 237560"/>
                <a:gd name="connsiteX6" fmla="*/ 116142 w 211220"/>
                <a:gd name="connsiteY6" fmla="*/ 13817 h 237560"/>
                <a:gd name="connsiteX7" fmla="*/ 172119 w 211220"/>
                <a:gd name="connsiteY7" fmla="*/ 37617 h 237560"/>
                <a:gd name="connsiteX8" fmla="*/ 197279 w 211220"/>
                <a:gd name="connsiteY8" fmla="*/ 79405 h 237560"/>
                <a:gd name="connsiteX9" fmla="*/ 200739 w 211220"/>
                <a:gd name="connsiteY9" fmla="*/ 82695 h 237560"/>
                <a:gd name="connsiteX10" fmla="*/ 206892 w 211220"/>
                <a:gd name="connsiteY10" fmla="*/ 80721 h 237560"/>
                <a:gd name="connsiteX11" fmla="*/ 208210 w 211220"/>
                <a:gd name="connsiteY11" fmla="*/ 77430 h 237560"/>
                <a:gd name="connsiteX12" fmla="*/ 200465 w 211220"/>
                <a:gd name="connsiteY12" fmla="*/ 10636 h 237560"/>
                <a:gd name="connsiteX13" fmla="*/ 195905 w 211220"/>
                <a:gd name="connsiteY13" fmla="*/ 5153 h 237560"/>
                <a:gd name="connsiteX14" fmla="*/ 190796 w 211220"/>
                <a:gd name="connsiteY14" fmla="*/ 7127 h 237560"/>
                <a:gd name="connsiteX15" fmla="*/ 188599 w 211220"/>
                <a:gd name="connsiteY15" fmla="*/ 15736 h 237560"/>
                <a:gd name="connsiteX16" fmla="*/ 182172 w 211220"/>
                <a:gd name="connsiteY16" fmla="*/ 15736 h 237560"/>
                <a:gd name="connsiteX17" fmla="*/ 116801 w 211220"/>
                <a:gd name="connsiteY17" fmla="*/ 53 h 237560"/>
                <a:gd name="connsiteX18" fmla="*/ 32973 w 211220"/>
                <a:gd name="connsiteY18" fmla="*/ 34162 h 237560"/>
                <a:gd name="connsiteX19" fmla="*/ 13 w 211220"/>
                <a:gd name="connsiteY19" fmla="*/ 120424 h 237560"/>
                <a:gd name="connsiteX20" fmla="*/ 34786 w 211220"/>
                <a:gd name="connsiteY20" fmla="*/ 207344 h 237560"/>
                <a:gd name="connsiteX21" fmla="*/ 119328 w 211220"/>
                <a:gd name="connsiteY21" fmla="*/ 237561 h 237560"/>
                <a:gd name="connsiteX22" fmla="*/ 210902 w 211220"/>
                <a:gd name="connsiteY22" fmla="*/ 189522 h 237560"/>
                <a:gd name="connsiteX23" fmla="*/ 210572 w 211220"/>
                <a:gd name="connsiteY23" fmla="*/ 186505 h 237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11220" h="237560">
                  <a:moveTo>
                    <a:pt x="210572" y="186505"/>
                  </a:moveTo>
                  <a:cubicBezTo>
                    <a:pt x="208485" y="184531"/>
                    <a:pt x="204750" y="181021"/>
                    <a:pt x="204475" y="181021"/>
                  </a:cubicBezTo>
                  <a:cubicBezTo>
                    <a:pt x="204200" y="181021"/>
                    <a:pt x="202992" y="181021"/>
                    <a:pt x="202662" y="181350"/>
                  </a:cubicBezTo>
                  <a:cubicBezTo>
                    <a:pt x="184249" y="203324"/>
                    <a:pt x="156866" y="215803"/>
                    <a:pt x="128172" y="215296"/>
                  </a:cubicBezTo>
                  <a:cubicBezTo>
                    <a:pt x="112736" y="215296"/>
                    <a:pt x="94004" y="212664"/>
                    <a:pt x="72799" y="190125"/>
                  </a:cubicBezTo>
                  <a:cubicBezTo>
                    <a:pt x="49123" y="164570"/>
                    <a:pt x="43300" y="126182"/>
                    <a:pt x="43300" y="106440"/>
                  </a:cubicBezTo>
                  <a:cubicBezTo>
                    <a:pt x="43300" y="60156"/>
                    <a:pt x="64614" y="13817"/>
                    <a:pt x="116142" y="13817"/>
                  </a:cubicBezTo>
                  <a:cubicBezTo>
                    <a:pt x="137285" y="13732"/>
                    <a:pt x="157530" y="22340"/>
                    <a:pt x="172119" y="37617"/>
                  </a:cubicBezTo>
                  <a:cubicBezTo>
                    <a:pt x="183397" y="49594"/>
                    <a:pt x="191976" y="63843"/>
                    <a:pt x="197279" y="79405"/>
                  </a:cubicBezTo>
                  <a:cubicBezTo>
                    <a:pt x="198212" y="81982"/>
                    <a:pt x="199201" y="83298"/>
                    <a:pt x="200739" y="82695"/>
                  </a:cubicBezTo>
                  <a:lnTo>
                    <a:pt x="206892" y="80721"/>
                  </a:lnTo>
                  <a:cubicBezTo>
                    <a:pt x="208210" y="80392"/>
                    <a:pt x="208540" y="79405"/>
                    <a:pt x="208210" y="77430"/>
                  </a:cubicBezTo>
                  <a:cubicBezTo>
                    <a:pt x="206892" y="67834"/>
                    <a:pt x="200465" y="16340"/>
                    <a:pt x="200465" y="10636"/>
                  </a:cubicBezTo>
                  <a:cubicBezTo>
                    <a:pt x="200465" y="6085"/>
                    <a:pt x="199805" y="5153"/>
                    <a:pt x="195905" y="5153"/>
                  </a:cubicBezTo>
                  <a:cubicBezTo>
                    <a:pt x="192005" y="5153"/>
                    <a:pt x="191401" y="5153"/>
                    <a:pt x="190796" y="7127"/>
                  </a:cubicBezTo>
                  <a:lnTo>
                    <a:pt x="188599" y="15736"/>
                  </a:lnTo>
                  <a:cubicBezTo>
                    <a:pt x="187995" y="18259"/>
                    <a:pt x="186676" y="18259"/>
                    <a:pt x="182172" y="15736"/>
                  </a:cubicBezTo>
                  <a:cubicBezTo>
                    <a:pt x="161975" y="5303"/>
                    <a:pt x="139542" y="-79"/>
                    <a:pt x="116801" y="53"/>
                  </a:cubicBezTo>
                  <a:cubicBezTo>
                    <a:pt x="85286" y="-913"/>
                    <a:pt x="54832" y="11478"/>
                    <a:pt x="32973" y="34162"/>
                  </a:cubicBezTo>
                  <a:cubicBezTo>
                    <a:pt x="11350" y="57657"/>
                    <a:pt x="-443" y="88523"/>
                    <a:pt x="13" y="120424"/>
                  </a:cubicBezTo>
                  <a:cubicBezTo>
                    <a:pt x="13" y="148721"/>
                    <a:pt x="10999" y="186231"/>
                    <a:pt x="34786" y="207344"/>
                  </a:cubicBezTo>
                  <a:cubicBezTo>
                    <a:pt x="54836" y="225331"/>
                    <a:pt x="78018" y="237561"/>
                    <a:pt x="119328" y="237561"/>
                  </a:cubicBezTo>
                  <a:cubicBezTo>
                    <a:pt x="161737" y="237561"/>
                    <a:pt x="191346" y="214857"/>
                    <a:pt x="210902" y="189522"/>
                  </a:cubicBezTo>
                  <a:cubicBezTo>
                    <a:pt x="211426" y="188544"/>
                    <a:pt x="211295" y="187347"/>
                    <a:pt x="210572" y="186505"/>
                  </a:cubicBezTo>
                </a:path>
              </a:pathLst>
            </a:custGeom>
            <a:solidFill>
              <a:srgbClr val="FFFFFF"/>
            </a:solidFill>
            <a:ln w="5493" cap="flat">
              <a:noFill/>
              <a:prstDash val="solid"/>
              <a:miter/>
            </a:ln>
          </p:spPr>
          <p:txBody>
            <a:bodyPr rtlCol="0" anchor="ctr"/>
            <a:lstStyle/>
            <a:p>
              <a:endParaRPr lang="en-US"/>
            </a:p>
          </p:txBody>
        </p:sp>
        <p:sp>
          <p:nvSpPr>
            <p:cNvPr id="62" name="Freeform: Shape 61">
              <a:extLst>
                <a:ext uri="{FF2B5EF4-FFF2-40B4-BE49-F238E27FC236}">
                  <a16:creationId xmlns:a16="http://schemas.microsoft.com/office/drawing/2014/main" id="{5242EEA1-FDA7-43E8-B8FA-1F5FD94AC906}"/>
                </a:ext>
              </a:extLst>
            </p:cNvPr>
            <p:cNvSpPr/>
            <p:nvPr userDrawn="1"/>
          </p:nvSpPr>
          <p:spPr>
            <a:xfrm>
              <a:off x="9647979" y="514059"/>
              <a:ext cx="39332" cy="39264"/>
            </a:xfrm>
            <a:custGeom>
              <a:avLst/>
              <a:gdLst>
                <a:gd name="connsiteX0" fmla="*/ 39332 w 39332"/>
                <a:gd name="connsiteY0" fmla="*/ 19687 h 39264"/>
                <a:gd name="connsiteX1" fmla="*/ 19611 w 39332"/>
                <a:gd name="connsiteY1" fmla="*/ 39265 h 39264"/>
                <a:gd name="connsiteX2" fmla="*/ 0 w 39332"/>
                <a:gd name="connsiteY2" fmla="*/ 19578 h 39264"/>
                <a:gd name="connsiteX3" fmla="*/ 19666 w 39332"/>
                <a:gd name="connsiteY3" fmla="*/ 0 h 39264"/>
                <a:gd name="connsiteX4" fmla="*/ 39332 w 39332"/>
                <a:gd name="connsiteY4" fmla="*/ 19522 h 39264"/>
                <a:gd name="connsiteX5" fmla="*/ 39332 w 39332"/>
                <a:gd name="connsiteY5" fmla="*/ 19687 h 39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9332" h="39264">
                  <a:moveTo>
                    <a:pt x="39332" y="19687"/>
                  </a:moveTo>
                  <a:cubicBezTo>
                    <a:pt x="39302" y="30530"/>
                    <a:pt x="30473" y="39295"/>
                    <a:pt x="19611" y="39265"/>
                  </a:cubicBezTo>
                  <a:cubicBezTo>
                    <a:pt x="8750" y="39234"/>
                    <a:pt x="-30" y="30420"/>
                    <a:pt x="0" y="19578"/>
                  </a:cubicBezTo>
                  <a:cubicBezTo>
                    <a:pt x="30" y="8756"/>
                    <a:pt x="8826" y="0"/>
                    <a:pt x="19666" y="0"/>
                  </a:cubicBezTo>
                  <a:cubicBezTo>
                    <a:pt x="30497" y="-30"/>
                    <a:pt x="39302" y="8710"/>
                    <a:pt x="39332" y="19522"/>
                  </a:cubicBezTo>
                  <a:cubicBezTo>
                    <a:pt x="39333" y="19577"/>
                    <a:pt x="39333" y="19632"/>
                    <a:pt x="39332" y="19687"/>
                  </a:cubicBezTo>
                </a:path>
              </a:pathLst>
            </a:custGeom>
            <a:solidFill>
              <a:srgbClr val="FFFFFF"/>
            </a:solidFill>
            <a:ln w="5493" cap="flat">
              <a:noFill/>
              <a:prstDash val="solid"/>
              <a:miter/>
            </a:ln>
          </p:spPr>
          <p:txBody>
            <a:bodyPr rtlCol="0" anchor="ctr"/>
            <a:lstStyle/>
            <a:p>
              <a:endParaRPr lang="en-US"/>
            </a:p>
          </p:txBody>
        </p:sp>
      </p:grpSp>
    </p:spTree>
    <p:extLst>
      <p:ext uri="{BB962C8B-B14F-4D97-AF65-F5344CB8AC3E}">
        <p14:creationId xmlns:p14="http://schemas.microsoft.com/office/powerpoint/2010/main" val="860515013"/>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Content B Negative">
    <p:bg>
      <p:bgPr>
        <a:solidFill>
          <a:schemeClr val="tx2"/>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3"/>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6267600" cy="41616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1"/>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1"/>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7129463" y="2046288"/>
            <a:ext cx="4413250" cy="4162425"/>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cxnSp>
        <p:nvCxnSpPr>
          <p:cNvPr id="10" name="Straight Connector 9">
            <a:extLst>
              <a:ext uri="{FF2B5EF4-FFF2-40B4-BE49-F238E27FC236}">
                <a16:creationId xmlns:a16="http://schemas.microsoft.com/office/drawing/2014/main" id="{0038BA6A-37B6-4569-A9D9-C40169CA408E}"/>
              </a:ext>
            </a:extLst>
          </p:cNvPr>
          <p:cNvCxnSpPr/>
          <p:nvPr userDrawn="1"/>
        </p:nvCxnSpPr>
        <p:spPr>
          <a:xfrm>
            <a:off x="11124763" y="274014"/>
            <a:ext cx="0" cy="125517"/>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5935488"/>
      </p:ext>
    </p:extLst>
  </p:cSld>
  <p:clrMapOvr>
    <a:overrideClrMapping bg1="dk1" tx1="lt1" bg2="accent1" tx2="accent1" accent1="lt2"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Content C">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34884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5276850" y="2046288"/>
            <a:ext cx="6265863" cy="4162425"/>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151556712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Content C Negative">
    <p:bg>
      <p:bgPr>
        <a:solidFill>
          <a:schemeClr val="tx2"/>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3"/>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3488400" cy="41616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1"/>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1"/>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5276850" y="2046288"/>
            <a:ext cx="6265863" cy="4162425"/>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cxnSp>
        <p:nvCxnSpPr>
          <p:cNvPr id="10" name="Straight Connector 9">
            <a:extLst>
              <a:ext uri="{FF2B5EF4-FFF2-40B4-BE49-F238E27FC236}">
                <a16:creationId xmlns:a16="http://schemas.microsoft.com/office/drawing/2014/main" id="{792ECD9F-BC02-4C8A-839F-9AC4F4BD0167}"/>
              </a:ext>
            </a:extLst>
          </p:cNvPr>
          <p:cNvCxnSpPr/>
          <p:nvPr userDrawn="1"/>
        </p:nvCxnSpPr>
        <p:spPr>
          <a:xfrm>
            <a:off x="11124763" y="274014"/>
            <a:ext cx="0" cy="125517"/>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35182509"/>
      </p:ext>
    </p:extLst>
  </p:cSld>
  <p:clrMapOvr>
    <a:overrideClrMapping bg1="dk1" tx1="lt1" bg2="accent1" tx2="accent1" accent1="lt2"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101950"/>
            <a:ext cx="5303520" cy="32004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6237605" y="2103438"/>
            <a:ext cx="5303520" cy="3200400"/>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6" name="Text Placeholder 5">
            <a:extLst>
              <a:ext uri="{FF2B5EF4-FFF2-40B4-BE49-F238E27FC236}">
                <a16:creationId xmlns:a16="http://schemas.microsoft.com/office/drawing/2014/main" id="{CBF519B6-2008-4206-861B-F2070839F396}"/>
              </a:ext>
            </a:extLst>
          </p:cNvPr>
          <p:cNvSpPr>
            <a:spLocks noGrp="1"/>
          </p:cNvSpPr>
          <p:nvPr>
            <p:ph type="body" sz="quarter" idx="16"/>
          </p:nvPr>
        </p:nvSpPr>
        <p:spPr>
          <a:xfrm>
            <a:off x="648000" y="5507100"/>
            <a:ext cx="5303520" cy="457200"/>
          </a:xfrm>
        </p:spPr>
        <p:txBody>
          <a:bodyPr/>
          <a:lstStyle>
            <a:lvl1pPr algn="ctr">
              <a:defRPr/>
            </a:lvl1pPr>
            <a:lvl2pPr algn="ctr">
              <a:defRPr/>
            </a:lvl2pPr>
            <a:lvl3pPr algn="ctr">
              <a:defRPr/>
            </a:lvl3pPr>
            <a:lvl4pPr algn="ctr">
              <a:defRPr/>
            </a:lvl4pPr>
            <a:lvl5pPr algn="ctr">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2" name="Text Placeholder 5">
            <a:extLst>
              <a:ext uri="{FF2B5EF4-FFF2-40B4-BE49-F238E27FC236}">
                <a16:creationId xmlns:a16="http://schemas.microsoft.com/office/drawing/2014/main" id="{54206F48-579B-46EF-9C7F-C61BF283881E}"/>
              </a:ext>
            </a:extLst>
          </p:cNvPr>
          <p:cNvSpPr>
            <a:spLocks noGrp="1"/>
          </p:cNvSpPr>
          <p:nvPr>
            <p:ph type="body" sz="quarter" idx="17"/>
          </p:nvPr>
        </p:nvSpPr>
        <p:spPr>
          <a:xfrm>
            <a:off x="6237605" y="5500350"/>
            <a:ext cx="5303520" cy="457200"/>
          </a:xfrm>
        </p:spPr>
        <p:txBody>
          <a:bodyPr/>
          <a:lstStyle>
            <a:lvl1pPr algn="ctr">
              <a:defRPr/>
            </a:lvl1pPr>
            <a:lvl2pPr algn="ctr">
              <a:defRPr/>
            </a:lvl2pPr>
            <a:lvl3pPr algn="ctr">
              <a:defRPr/>
            </a:lvl3pPr>
            <a:lvl4pPr algn="ctr">
              <a:defRPr/>
            </a:lvl4pPr>
            <a:lvl5pPr algn="ct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395900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omparison Negative">
    <p:bg>
      <p:bgPr>
        <a:solidFill>
          <a:schemeClr val="tx2"/>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3"/>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5303520" cy="3200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1"/>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1"/>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6237605" y="2046288"/>
            <a:ext cx="5303520" cy="3200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cxnSp>
        <p:nvCxnSpPr>
          <p:cNvPr id="10" name="Straight Connector 9">
            <a:extLst>
              <a:ext uri="{FF2B5EF4-FFF2-40B4-BE49-F238E27FC236}">
                <a16:creationId xmlns:a16="http://schemas.microsoft.com/office/drawing/2014/main" id="{792ECD9F-BC02-4C8A-839F-9AC4F4BD0167}"/>
              </a:ext>
            </a:extLst>
          </p:cNvPr>
          <p:cNvCxnSpPr/>
          <p:nvPr userDrawn="1"/>
        </p:nvCxnSpPr>
        <p:spPr>
          <a:xfrm>
            <a:off x="11124763" y="274014"/>
            <a:ext cx="0" cy="125517"/>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sp>
        <p:nvSpPr>
          <p:cNvPr id="6" name="Text Placeholder 5">
            <a:extLst>
              <a:ext uri="{FF2B5EF4-FFF2-40B4-BE49-F238E27FC236}">
                <a16:creationId xmlns:a16="http://schemas.microsoft.com/office/drawing/2014/main" id="{BCFCBFBA-4ABB-49AC-8071-E20AEC6811DE}"/>
              </a:ext>
            </a:extLst>
          </p:cNvPr>
          <p:cNvSpPr>
            <a:spLocks noGrp="1"/>
          </p:cNvSpPr>
          <p:nvPr>
            <p:ph type="body" sz="quarter" idx="16"/>
          </p:nvPr>
        </p:nvSpPr>
        <p:spPr>
          <a:xfrm>
            <a:off x="647700" y="5435700"/>
            <a:ext cx="5303838" cy="548640"/>
          </a:xfrm>
        </p:spPr>
        <p:txBody>
          <a:bodyPr/>
          <a:lstStyle>
            <a:lvl1pPr algn="ctr">
              <a:defRPr/>
            </a:lvl1pPr>
            <a:lvl2pPr algn="ctr">
              <a:defRPr/>
            </a:lvl2pPr>
            <a:lvl3pPr algn="ctr">
              <a:defRPr/>
            </a:lvl3pPr>
            <a:lvl4pPr algn="ctr">
              <a:defRPr/>
            </a:lvl4pPr>
            <a:lvl5pPr algn="ct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ext Placeholder 5">
            <a:extLst>
              <a:ext uri="{FF2B5EF4-FFF2-40B4-BE49-F238E27FC236}">
                <a16:creationId xmlns:a16="http://schemas.microsoft.com/office/drawing/2014/main" id="{03ADFD0D-211A-4EC3-A1F0-88CFE7CCAD29}"/>
              </a:ext>
            </a:extLst>
          </p:cNvPr>
          <p:cNvSpPr>
            <a:spLocks noGrp="1"/>
          </p:cNvSpPr>
          <p:nvPr>
            <p:ph type="body" sz="quarter" idx="17"/>
          </p:nvPr>
        </p:nvSpPr>
        <p:spPr>
          <a:xfrm>
            <a:off x="6237605" y="5438002"/>
            <a:ext cx="5303838" cy="548640"/>
          </a:xfrm>
        </p:spPr>
        <p:txBody>
          <a:bodyPr/>
          <a:lstStyle>
            <a:lvl1pPr algn="ctr">
              <a:defRPr/>
            </a:lvl1pPr>
            <a:lvl2pPr algn="ctr">
              <a:defRPr/>
            </a:lvl2pPr>
            <a:lvl3pPr algn="ctr">
              <a:defRPr/>
            </a:lvl3pPr>
            <a:lvl4pPr algn="ctr">
              <a:defRPr/>
            </a:lvl4pPr>
            <a:lvl5pPr algn="ctr">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483121104"/>
      </p:ext>
    </p:extLst>
  </p:cSld>
  <p:clrMapOvr>
    <a:overrideClrMapping bg1="dk1" tx1="lt1" bg2="accent1" tx2="accent1" accent1="lt2"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and image A">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10ABF3D8-B17A-48A6-B75D-E2CFABE31CDB}"/>
              </a:ext>
            </a:extLst>
          </p:cNvPr>
          <p:cNvSpPr>
            <a:spLocks noGrp="1"/>
          </p:cNvSpPr>
          <p:nvPr>
            <p:ph type="pic" sz="quarter" idx="16" hasCustomPrompt="1"/>
          </p:nvPr>
        </p:nvSpPr>
        <p:spPr>
          <a:xfrm>
            <a:off x="6203950" y="0"/>
            <a:ext cx="5988050" cy="6858000"/>
          </a:xfrm>
        </p:spPr>
        <p:txBody>
          <a:bodyPr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5338377"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a:xfrm>
            <a:off x="648000" y="1062000"/>
            <a:ext cx="5338463" cy="835200"/>
          </a:xfrm>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44136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10" name="Text Placeholder 9">
            <a:extLst>
              <a:ext uri="{FF2B5EF4-FFF2-40B4-BE49-F238E27FC236}">
                <a16:creationId xmlns:a16="http://schemas.microsoft.com/office/drawing/2014/main" id="{6C7EFB78-A8A0-425B-909A-78358980B831}"/>
              </a:ext>
            </a:extLst>
          </p:cNvPr>
          <p:cNvSpPr>
            <a:spLocks noGrp="1"/>
          </p:cNvSpPr>
          <p:nvPr>
            <p:ph type="body" sz="quarter" idx="17"/>
          </p:nvPr>
        </p:nvSpPr>
        <p:spPr>
          <a:xfrm>
            <a:off x="5986462" y="4251600"/>
            <a:ext cx="6206400" cy="1954800"/>
          </a:xfrm>
          <a:solidFill>
            <a:schemeClr val="tx2"/>
          </a:solidFill>
        </p:spPr>
        <p:txBody>
          <a:bodyPr lIns="432000" tIns="396000" rIns="648000" bIns="360000" anchor="ct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0567552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ontent and image B">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10ABF3D8-B17A-48A6-B75D-E2CFABE31CDB}"/>
              </a:ext>
            </a:extLst>
          </p:cNvPr>
          <p:cNvSpPr>
            <a:spLocks noGrp="1"/>
          </p:cNvSpPr>
          <p:nvPr>
            <p:ph type="pic" sz="quarter" idx="16" hasCustomPrompt="1"/>
          </p:nvPr>
        </p:nvSpPr>
        <p:spPr>
          <a:xfrm>
            <a:off x="8055600" y="0"/>
            <a:ext cx="4136400" cy="6858000"/>
          </a:xfrm>
        </p:spPr>
        <p:txBody>
          <a:bodyPr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699" y="647700"/>
            <a:ext cx="6264000"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a:xfrm>
            <a:off x="647999" y="1062000"/>
            <a:ext cx="6264000" cy="835200"/>
          </a:xfrm>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62640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12" name="Text Placeholder 9">
            <a:extLst>
              <a:ext uri="{FF2B5EF4-FFF2-40B4-BE49-F238E27FC236}">
                <a16:creationId xmlns:a16="http://schemas.microsoft.com/office/drawing/2014/main" id="{3A346A15-371C-41B0-A096-79CCC3E99BE4}"/>
              </a:ext>
            </a:extLst>
          </p:cNvPr>
          <p:cNvSpPr>
            <a:spLocks noGrp="1"/>
          </p:cNvSpPr>
          <p:nvPr>
            <p:ph type="body" sz="quarter" idx="17"/>
          </p:nvPr>
        </p:nvSpPr>
        <p:spPr>
          <a:xfrm>
            <a:off x="7839074" y="4251600"/>
            <a:ext cx="4352926" cy="1954800"/>
          </a:xfrm>
          <a:solidFill>
            <a:schemeClr val="tx2"/>
          </a:solidFill>
        </p:spPr>
        <p:txBody>
          <a:bodyPr lIns="432000" tIns="396000" rIns="648000" bIns="360000" anchor="ctr"/>
          <a:lstStyle>
            <a:lvl1pPr algn="l">
              <a:defRPr>
                <a:solidFill>
                  <a:schemeClr val="bg1"/>
                </a:solidFill>
              </a:defRPr>
            </a:lvl1pPr>
            <a:lvl2pPr algn="l">
              <a:defRPr>
                <a:solidFill>
                  <a:schemeClr val="bg1"/>
                </a:solidFill>
              </a:defRPr>
            </a:lvl2pPr>
            <a:lvl3pPr algn="l">
              <a:defRPr>
                <a:solidFill>
                  <a:schemeClr val="bg1"/>
                </a:solidFill>
              </a:defRPr>
            </a:lvl3pPr>
            <a:lvl4pPr algn="l">
              <a:defRPr>
                <a:solidFill>
                  <a:schemeClr val="bg1"/>
                </a:solidFill>
              </a:defRPr>
            </a:lvl4pPr>
            <a:lvl5pPr algn="l">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199145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nd image C">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10ABF3D8-B17A-48A6-B75D-E2CFABE31CDB}"/>
              </a:ext>
            </a:extLst>
          </p:cNvPr>
          <p:cNvSpPr>
            <a:spLocks noGrp="1"/>
          </p:cNvSpPr>
          <p:nvPr>
            <p:ph type="pic" sz="quarter" idx="16" hasCustomPrompt="1"/>
          </p:nvPr>
        </p:nvSpPr>
        <p:spPr>
          <a:xfrm>
            <a:off x="0" y="0"/>
            <a:ext cx="5061600" cy="6858000"/>
          </a:xfrm>
        </p:spPr>
        <p:txBody>
          <a:bodyPr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202499" y="647700"/>
            <a:ext cx="5338800"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a:xfrm>
            <a:off x="6202799" y="1062000"/>
            <a:ext cx="5338800" cy="835200"/>
          </a:xfrm>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202800" y="2044800"/>
            <a:ext cx="53388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3487438"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0" y="658800"/>
            <a:ext cx="5277600" cy="1962000"/>
          </a:xfrm>
          <a:solidFill>
            <a:schemeClr val="tx2"/>
          </a:solidFill>
        </p:spPr>
        <p:txBody>
          <a:bodyPr lIns="432000" tIns="396000" rIns="648000" bIns="360000" anchor="ct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411392722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and image D">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10ABF3D8-B17A-48A6-B75D-E2CFABE31CDB}"/>
              </a:ext>
            </a:extLst>
          </p:cNvPr>
          <p:cNvSpPr>
            <a:spLocks noGrp="1"/>
          </p:cNvSpPr>
          <p:nvPr>
            <p:ph type="pic" sz="quarter" idx="16" hasCustomPrompt="1"/>
          </p:nvPr>
        </p:nvSpPr>
        <p:spPr>
          <a:xfrm>
            <a:off x="0" y="0"/>
            <a:ext cx="5990400" cy="6858000"/>
          </a:xfrm>
        </p:spPr>
        <p:txBody>
          <a:bodyPr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7128000" y="647700"/>
            <a:ext cx="4413600"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a:xfrm>
            <a:off x="7128000" y="1062000"/>
            <a:ext cx="4413600" cy="835200"/>
          </a:xfrm>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7128000" y="2044800"/>
            <a:ext cx="44136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3487438"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a:xfrm>
            <a:off x="11167200" y="248400"/>
            <a:ext cx="374400" cy="180000"/>
          </a:xfrm>
        </p:spPr>
        <p:txBody>
          <a:body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0" y="658800"/>
            <a:ext cx="6202800" cy="1962000"/>
          </a:xfrm>
          <a:solidFill>
            <a:schemeClr val="tx2"/>
          </a:solidFill>
        </p:spPr>
        <p:txBody>
          <a:bodyPr lIns="432000" tIns="396000" rIns="648000" bIns="360000" anchor="ct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272733454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nd Image E Negative">
    <p:bg>
      <p:bgPr>
        <a:solidFill>
          <a:srgbClr val="25408F"/>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499430" y="1238518"/>
            <a:ext cx="4114800" cy="414338"/>
          </a:xfrm>
        </p:spPr>
        <p:txBody>
          <a:bodyPr/>
          <a:lstStyle>
            <a:lvl1pPr marL="0" indent="0">
              <a:buNone/>
              <a:defRPr sz="2400">
                <a:solidFill>
                  <a:srgbClr val="B7E4F4"/>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a:xfrm>
            <a:off x="499730" y="1652818"/>
            <a:ext cx="4114800" cy="835200"/>
          </a:xfrm>
        </p:spPr>
        <p:txBody>
          <a:bodyPr/>
          <a:lstStyle>
            <a:lvl1pPr>
              <a:defRPr>
                <a:solidFill>
                  <a:schemeClr val="bg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499730" y="2732567"/>
            <a:ext cx="3774558" cy="3473832"/>
          </a:xfrm>
        </p:spPr>
        <p:txBody>
          <a:bodyPr anchor="t"/>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3487438"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6" name="Picture Placeholder 5">
            <a:extLst>
              <a:ext uri="{FF2B5EF4-FFF2-40B4-BE49-F238E27FC236}">
                <a16:creationId xmlns:a16="http://schemas.microsoft.com/office/drawing/2014/main" id="{10ABF3D8-B17A-48A6-B75D-E2CFABE31CDB}"/>
              </a:ext>
            </a:extLst>
          </p:cNvPr>
          <p:cNvSpPr>
            <a:spLocks noGrp="1"/>
          </p:cNvSpPr>
          <p:nvPr>
            <p:ph type="pic" sz="quarter" idx="16" hasCustomPrompt="1"/>
          </p:nvPr>
        </p:nvSpPr>
        <p:spPr>
          <a:xfrm>
            <a:off x="4954772" y="0"/>
            <a:ext cx="7237228" cy="6858000"/>
          </a:xfrm>
        </p:spPr>
        <p:txBody>
          <a:bodyPr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Tree>
    <p:extLst>
      <p:ext uri="{BB962C8B-B14F-4D97-AF65-F5344CB8AC3E}">
        <p14:creationId xmlns:p14="http://schemas.microsoft.com/office/powerpoint/2010/main" val="298447758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B">
    <p:spTree>
      <p:nvGrpSpPr>
        <p:cNvPr id="1" name=""/>
        <p:cNvGrpSpPr/>
        <p:nvPr/>
      </p:nvGrpSpPr>
      <p:grpSpPr>
        <a:xfrm>
          <a:off x="0" y="0"/>
          <a:ext cx="0" cy="0"/>
          <a:chOff x="0" y="0"/>
          <a:chExt cx="0" cy="0"/>
        </a:xfrm>
      </p:grpSpPr>
      <p:sp>
        <p:nvSpPr>
          <p:cNvPr id="39" name="Freeform: Shape 38">
            <a:extLst>
              <a:ext uri="{FF2B5EF4-FFF2-40B4-BE49-F238E27FC236}">
                <a16:creationId xmlns:a16="http://schemas.microsoft.com/office/drawing/2014/main" id="{3DD94BF0-14F1-426B-8B17-7DF83736631F}"/>
              </a:ext>
            </a:extLst>
          </p:cNvPr>
          <p:cNvSpPr/>
          <p:nvPr userDrawn="1"/>
        </p:nvSpPr>
        <p:spPr>
          <a:xfrm>
            <a:off x="-4" y="-8018"/>
            <a:ext cx="5989641" cy="6868399"/>
          </a:xfrm>
          <a:custGeom>
            <a:avLst/>
            <a:gdLst>
              <a:gd name="connsiteX0" fmla="*/ 0 w 5986465"/>
              <a:gd name="connsiteY0" fmla="*/ 4360915 h 6858001"/>
              <a:gd name="connsiteX1" fmla="*/ 1 w 5986465"/>
              <a:gd name="connsiteY1" fmla="*/ 4360915 h 6858001"/>
              <a:gd name="connsiteX2" fmla="*/ 1 w 5986465"/>
              <a:gd name="connsiteY2" fmla="*/ 5556595 h 6858001"/>
              <a:gd name="connsiteX3" fmla="*/ 3 w 5986465"/>
              <a:gd name="connsiteY3" fmla="*/ 5556595 h 6858001"/>
              <a:gd name="connsiteX4" fmla="*/ 3 w 5986465"/>
              <a:gd name="connsiteY4" fmla="*/ 5563496 h 6858001"/>
              <a:gd name="connsiteX5" fmla="*/ 5986465 w 5986465"/>
              <a:gd name="connsiteY5" fmla="*/ 5563496 h 6858001"/>
              <a:gd name="connsiteX6" fmla="*/ 5986465 w 5986465"/>
              <a:gd name="connsiteY6" fmla="*/ 6858001 h 6858001"/>
              <a:gd name="connsiteX7" fmla="*/ 0 w 5986465"/>
              <a:gd name="connsiteY7" fmla="*/ 6858001 h 6858001"/>
              <a:gd name="connsiteX8" fmla="*/ 0 w 5986465"/>
              <a:gd name="connsiteY8" fmla="*/ 0 h 6858001"/>
              <a:gd name="connsiteX9" fmla="*/ 5986465 w 5986465"/>
              <a:gd name="connsiteY9" fmla="*/ 0 h 6858001"/>
              <a:gd name="connsiteX10" fmla="*/ 5986465 w 5986465"/>
              <a:gd name="connsiteY10" fmla="*/ 4264079 h 6858001"/>
              <a:gd name="connsiteX11" fmla="*/ 1 w 5986465"/>
              <a:gd name="connsiteY11" fmla="*/ 4264079 h 6858001"/>
              <a:gd name="connsiteX12" fmla="*/ 1 w 5986465"/>
              <a:gd name="connsiteY12" fmla="*/ 4269217 h 6858001"/>
              <a:gd name="connsiteX13" fmla="*/ 0 w 5986465"/>
              <a:gd name="connsiteY13" fmla="*/ 4269217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86465" h="6858001">
                <a:moveTo>
                  <a:pt x="0" y="4360915"/>
                </a:moveTo>
                <a:lnTo>
                  <a:pt x="1" y="4360915"/>
                </a:lnTo>
                <a:lnTo>
                  <a:pt x="1" y="5556595"/>
                </a:lnTo>
                <a:lnTo>
                  <a:pt x="3" y="5556595"/>
                </a:lnTo>
                <a:lnTo>
                  <a:pt x="3" y="5563496"/>
                </a:lnTo>
                <a:lnTo>
                  <a:pt x="5986465" y="5563496"/>
                </a:lnTo>
                <a:lnTo>
                  <a:pt x="5986465" y="6858001"/>
                </a:lnTo>
                <a:lnTo>
                  <a:pt x="0" y="6858001"/>
                </a:lnTo>
                <a:close/>
                <a:moveTo>
                  <a:pt x="0" y="0"/>
                </a:moveTo>
                <a:lnTo>
                  <a:pt x="5986465" y="0"/>
                </a:lnTo>
                <a:lnTo>
                  <a:pt x="5986465" y="4264079"/>
                </a:lnTo>
                <a:lnTo>
                  <a:pt x="1" y="4264079"/>
                </a:lnTo>
                <a:lnTo>
                  <a:pt x="1" y="4269217"/>
                </a:lnTo>
                <a:lnTo>
                  <a:pt x="0" y="4269217"/>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cxnSp>
        <p:nvCxnSpPr>
          <p:cNvPr id="14" name="Straight Connector 13">
            <a:extLst>
              <a:ext uri="{FF2B5EF4-FFF2-40B4-BE49-F238E27FC236}">
                <a16:creationId xmlns:a16="http://schemas.microsoft.com/office/drawing/2014/main" id="{1C38F31F-AC62-4E93-B32F-8D23A52168C1}"/>
              </a:ext>
            </a:extLst>
          </p:cNvPr>
          <p:cNvCxnSpPr>
            <a:cxnSpLocks/>
          </p:cNvCxnSpPr>
          <p:nvPr userDrawn="1"/>
        </p:nvCxnSpPr>
        <p:spPr>
          <a:xfrm>
            <a:off x="323048" y="-8018"/>
            <a:ext cx="0" cy="4058477"/>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BF484C5-EEE2-4A10-AF61-B925E779D81B}"/>
              </a:ext>
            </a:extLst>
          </p:cNvPr>
          <p:cNvCxnSpPr>
            <a:cxnSpLocks/>
          </p:cNvCxnSpPr>
          <p:nvPr userDrawn="1"/>
        </p:nvCxnSpPr>
        <p:spPr>
          <a:xfrm flipH="1">
            <a:off x="2483417" y="6538762"/>
            <a:ext cx="9708583"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505CD37C-1E88-4BE4-9BD4-35E03C1001A5}"/>
              </a:ext>
            </a:extLst>
          </p:cNvPr>
          <p:cNvCxnSpPr>
            <a:cxnSpLocks/>
          </p:cNvCxnSpPr>
          <p:nvPr userDrawn="1"/>
        </p:nvCxnSpPr>
        <p:spPr>
          <a:xfrm flipH="1">
            <a:off x="320604" y="6534000"/>
            <a:ext cx="288996"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0064FE92-2605-4209-BCF6-8EE9F464CC27}"/>
              </a:ext>
            </a:extLst>
          </p:cNvPr>
          <p:cNvCxnSpPr>
            <a:cxnSpLocks/>
          </p:cNvCxnSpPr>
          <p:nvPr userDrawn="1"/>
        </p:nvCxnSpPr>
        <p:spPr>
          <a:xfrm>
            <a:off x="323048" y="5768502"/>
            <a:ext cx="0" cy="77287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1" name="date">
            <a:extLst>
              <a:ext uri="{FF2B5EF4-FFF2-40B4-BE49-F238E27FC236}">
                <a16:creationId xmlns:a16="http://schemas.microsoft.com/office/drawing/2014/main" id="{511A47CD-5114-4DD4-BD85-B1A5B922F9C2}"/>
              </a:ext>
            </a:extLst>
          </p:cNvPr>
          <p:cNvSpPr txBox="1"/>
          <p:nvPr userDrawn="1"/>
        </p:nvSpPr>
        <p:spPr>
          <a:xfrm>
            <a:off x="648205" y="4513924"/>
            <a:ext cx="4863503" cy="246221"/>
          </a:xfrm>
          <a:prstGeom prst="rect">
            <a:avLst/>
          </a:prstGeom>
          <a:noFill/>
        </p:spPr>
        <p:txBody>
          <a:bodyPr wrap="square" lIns="0" tIns="0" rIns="0" bIns="0" rtlCol="0">
            <a:spAutoFit/>
          </a:bodyPr>
          <a:lstStyle/>
          <a:p>
            <a:r>
              <a:rPr lang="en-US" sz="1600" b="1">
                <a:solidFill>
                  <a:schemeClr val="tx2"/>
                </a:solidFill>
                <a:latin typeface="+mn-lt"/>
              </a:rPr>
              <a:t>Date</a:t>
            </a:r>
            <a:endParaRPr lang="en-US" sz="1600" b="1" dirty="0">
              <a:solidFill>
                <a:schemeClr val="tx2"/>
              </a:solidFill>
              <a:latin typeface="+mn-lt"/>
            </a:endParaRPr>
          </a:p>
        </p:txBody>
      </p:sp>
      <p:pic>
        <p:nvPicPr>
          <p:cNvPr id="4" name="Graphic 3">
            <a:extLst>
              <a:ext uri="{FF2B5EF4-FFF2-40B4-BE49-F238E27FC236}">
                <a16:creationId xmlns:a16="http://schemas.microsoft.com/office/drawing/2014/main" id="{B155562C-34B0-46C8-BB0F-05B7F7D250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06582" y="6358006"/>
            <a:ext cx="1861268" cy="370401"/>
          </a:xfrm>
          <a:prstGeom prst="rect">
            <a:avLst/>
          </a:prstGeom>
        </p:spPr>
      </p:pic>
      <p:sp>
        <p:nvSpPr>
          <p:cNvPr id="20" name="Text Placeholder 3">
            <a:extLst>
              <a:ext uri="{FF2B5EF4-FFF2-40B4-BE49-F238E27FC236}">
                <a16:creationId xmlns:a16="http://schemas.microsoft.com/office/drawing/2014/main" id="{5A3E2B83-D6AB-4AD9-9B4B-4519AFA5B4B1}"/>
              </a:ext>
            </a:extLst>
          </p:cNvPr>
          <p:cNvSpPr>
            <a:spLocks noGrp="1"/>
          </p:cNvSpPr>
          <p:nvPr>
            <p:ph type="body" sz="quarter" idx="15" hasCustomPrompt="1"/>
          </p:nvPr>
        </p:nvSpPr>
        <p:spPr>
          <a:xfrm>
            <a:off x="647700" y="4760145"/>
            <a:ext cx="4864100" cy="246221"/>
          </a:xfrm>
        </p:spPr>
        <p:txBody>
          <a:bodyPr/>
          <a:lstStyle>
            <a:lvl1pPr marL="0" indent="0">
              <a:buNone/>
              <a:defRPr>
                <a:solidFill>
                  <a:schemeClr val="tx2"/>
                </a:solidFill>
              </a:defRPr>
            </a:lvl1pPr>
          </a:lstStyle>
          <a:p>
            <a:pPr lvl="0"/>
            <a:r>
              <a:rPr lang="en-US" dirty="0"/>
              <a:t>Presented to:</a:t>
            </a:r>
            <a:endParaRPr lang="en-US"/>
          </a:p>
        </p:txBody>
      </p:sp>
      <p:sp>
        <p:nvSpPr>
          <p:cNvPr id="25" name="Text Placeholder 3">
            <a:extLst>
              <a:ext uri="{FF2B5EF4-FFF2-40B4-BE49-F238E27FC236}">
                <a16:creationId xmlns:a16="http://schemas.microsoft.com/office/drawing/2014/main" id="{D950E65F-D27B-4B37-82E6-065FC684AAB4}"/>
              </a:ext>
            </a:extLst>
          </p:cNvPr>
          <p:cNvSpPr>
            <a:spLocks noGrp="1"/>
          </p:cNvSpPr>
          <p:nvPr>
            <p:ph type="body" sz="quarter" idx="16" hasCustomPrompt="1"/>
          </p:nvPr>
        </p:nvSpPr>
        <p:spPr>
          <a:xfrm>
            <a:off x="647700" y="5003648"/>
            <a:ext cx="4864100" cy="242887"/>
          </a:xfrm>
        </p:spPr>
        <p:txBody>
          <a:bodyPr/>
          <a:lstStyle>
            <a:lvl1pPr marL="0" indent="0">
              <a:buNone/>
              <a:defRPr>
                <a:solidFill>
                  <a:schemeClr val="tx2"/>
                </a:solidFill>
              </a:defRPr>
            </a:lvl1pPr>
          </a:lstStyle>
          <a:p>
            <a:pPr lvl="0"/>
            <a:r>
              <a:rPr lang="en-US" dirty="0"/>
              <a:t>Presented by:</a:t>
            </a:r>
            <a:endParaRPr lang="en-US"/>
          </a:p>
        </p:txBody>
      </p:sp>
      <p:sp>
        <p:nvSpPr>
          <p:cNvPr id="26" name="Title 5">
            <a:extLst>
              <a:ext uri="{FF2B5EF4-FFF2-40B4-BE49-F238E27FC236}">
                <a16:creationId xmlns:a16="http://schemas.microsoft.com/office/drawing/2014/main" id="{8909FCA8-D3F6-4E6C-8B13-8079153EB25E}"/>
              </a:ext>
            </a:extLst>
          </p:cNvPr>
          <p:cNvSpPr>
            <a:spLocks noGrp="1"/>
          </p:cNvSpPr>
          <p:nvPr>
            <p:ph type="title" hasCustomPrompt="1"/>
          </p:nvPr>
        </p:nvSpPr>
        <p:spPr>
          <a:xfrm>
            <a:off x="648000" y="2041527"/>
            <a:ext cx="5108633" cy="1200828"/>
          </a:xfrm>
        </p:spPr>
        <p:txBody>
          <a:bodyPr anchor="b"/>
          <a:lstStyle>
            <a:lvl1pPr>
              <a:defRPr>
                <a:solidFill>
                  <a:schemeClr val="bg1"/>
                </a:solidFill>
              </a:defRPr>
            </a:lvl1pPr>
          </a:lstStyle>
          <a:p>
            <a:r>
              <a:rPr lang="en-US" dirty="0"/>
              <a:t>Click to add title</a:t>
            </a:r>
          </a:p>
        </p:txBody>
      </p:sp>
      <p:sp>
        <p:nvSpPr>
          <p:cNvPr id="27" name="Text Placeholder 4">
            <a:extLst>
              <a:ext uri="{FF2B5EF4-FFF2-40B4-BE49-F238E27FC236}">
                <a16:creationId xmlns:a16="http://schemas.microsoft.com/office/drawing/2014/main" id="{F162967B-CD76-475D-9643-BC17E1102B1D}"/>
              </a:ext>
            </a:extLst>
          </p:cNvPr>
          <p:cNvSpPr>
            <a:spLocks noGrp="1"/>
          </p:cNvSpPr>
          <p:nvPr>
            <p:ph type="body" sz="quarter" idx="18" hasCustomPrompt="1"/>
          </p:nvPr>
        </p:nvSpPr>
        <p:spPr>
          <a:xfrm>
            <a:off x="647700" y="3266238"/>
            <a:ext cx="5108933" cy="514202"/>
          </a:xfrm>
        </p:spPr>
        <p:txBody>
          <a:bodyPr anchor="b"/>
          <a:lstStyle>
            <a:lvl1pPr marL="0" indent="0">
              <a:buNone/>
              <a:defRPr sz="2800">
                <a:solidFill>
                  <a:schemeClr val="accent3"/>
                </a:solidFill>
                <a:latin typeface="+mn-lt"/>
              </a:defRPr>
            </a:lvl1pPr>
          </a:lstStyle>
          <a:p>
            <a:pPr lvl="0"/>
            <a:r>
              <a:rPr lang="en-US" dirty="0" err="1"/>
              <a:t>Click</a:t>
            </a:r>
            <a:r>
              <a:rPr lang="en-US" dirty="0"/>
              <a:t> to </a:t>
            </a:r>
            <a:r>
              <a:rPr lang="en-US" dirty="0" err="1"/>
              <a:t>add</a:t>
            </a:r>
            <a:r>
              <a:rPr lang="en-US" dirty="0"/>
              <a:t> </a:t>
            </a:r>
            <a:r>
              <a:rPr lang="en-US" dirty="0" err="1"/>
              <a:t>subtitle</a:t>
            </a:r>
            <a:endParaRPr lang="en-US" dirty="0"/>
          </a:p>
        </p:txBody>
      </p:sp>
      <p:sp>
        <p:nvSpPr>
          <p:cNvPr id="60" name="Picture Placeholder 59">
            <a:extLst>
              <a:ext uri="{FF2B5EF4-FFF2-40B4-BE49-F238E27FC236}">
                <a16:creationId xmlns:a16="http://schemas.microsoft.com/office/drawing/2014/main" id="{E5B5BDEA-4432-40C8-A5FA-220CAFCED424}"/>
              </a:ext>
            </a:extLst>
          </p:cNvPr>
          <p:cNvSpPr>
            <a:spLocks noGrp="1"/>
          </p:cNvSpPr>
          <p:nvPr>
            <p:ph type="pic" sz="quarter" idx="13" hasCustomPrompt="1"/>
          </p:nvPr>
        </p:nvSpPr>
        <p:spPr>
          <a:xfrm>
            <a:off x="5986463" y="4"/>
            <a:ext cx="6205539" cy="6857997"/>
          </a:xfrm>
          <a:custGeom>
            <a:avLst/>
            <a:gdLst>
              <a:gd name="connsiteX0" fmla="*/ 0 w 6205539"/>
              <a:gd name="connsiteY0" fmla="*/ 6545776 h 6857997"/>
              <a:gd name="connsiteX1" fmla="*/ 6205539 w 6205539"/>
              <a:gd name="connsiteY1" fmla="*/ 6545776 h 6857997"/>
              <a:gd name="connsiteX2" fmla="*/ 6205539 w 6205539"/>
              <a:gd name="connsiteY2" fmla="*/ 6857997 h 6857997"/>
              <a:gd name="connsiteX3" fmla="*/ 0 w 6205539"/>
              <a:gd name="connsiteY3" fmla="*/ 6857997 h 6857997"/>
              <a:gd name="connsiteX4" fmla="*/ 5261452 w 6205539"/>
              <a:gd name="connsiteY4" fmla="*/ 918989 h 6857997"/>
              <a:gd name="connsiteX5" fmla="*/ 5288919 w 6205539"/>
              <a:gd name="connsiteY5" fmla="*/ 918989 h 6857997"/>
              <a:gd name="connsiteX6" fmla="*/ 5317265 w 6205539"/>
              <a:gd name="connsiteY6" fmla="*/ 923705 h 6857997"/>
              <a:gd name="connsiteX7" fmla="*/ 5324791 w 6205539"/>
              <a:gd name="connsiteY7" fmla="*/ 940595 h 6857997"/>
              <a:gd name="connsiteX8" fmla="*/ 5311002 w 6205539"/>
              <a:gd name="connsiteY8" fmla="*/ 963737 h 6857997"/>
              <a:gd name="connsiteX9" fmla="*/ 5268703 w 6205539"/>
              <a:gd name="connsiteY9" fmla="*/ 972237 h 6857997"/>
              <a:gd name="connsiteX10" fmla="*/ 5239259 w 6205539"/>
              <a:gd name="connsiteY10" fmla="*/ 965986 h 6857997"/>
              <a:gd name="connsiteX11" fmla="*/ 5229042 w 6205539"/>
              <a:gd name="connsiteY11" fmla="*/ 947560 h 6857997"/>
              <a:gd name="connsiteX12" fmla="*/ 5229152 w 6205539"/>
              <a:gd name="connsiteY12" fmla="*/ 947560 h 6857997"/>
              <a:gd name="connsiteX13" fmla="*/ 5237337 w 6205539"/>
              <a:gd name="connsiteY13" fmla="*/ 926392 h 6857997"/>
              <a:gd name="connsiteX14" fmla="*/ 5261452 w 6205539"/>
              <a:gd name="connsiteY14" fmla="*/ 918989 h 6857997"/>
              <a:gd name="connsiteX15" fmla="*/ 4431463 w 6205539"/>
              <a:gd name="connsiteY15" fmla="*/ 825763 h 6857997"/>
              <a:gd name="connsiteX16" fmla="*/ 4491615 w 6205539"/>
              <a:gd name="connsiteY16" fmla="*/ 883782 h 6857997"/>
              <a:gd name="connsiteX17" fmla="*/ 4436682 w 6205539"/>
              <a:gd name="connsiteY17" fmla="*/ 904786 h 6857997"/>
              <a:gd name="connsiteX18" fmla="*/ 4408281 w 6205539"/>
              <a:gd name="connsiteY18" fmla="*/ 895353 h 6857997"/>
              <a:gd name="connsiteX19" fmla="*/ 4397679 w 6205539"/>
              <a:gd name="connsiteY19" fmla="*/ 870018 h 6857997"/>
              <a:gd name="connsiteX20" fmla="*/ 4400700 w 6205539"/>
              <a:gd name="connsiteY20" fmla="*/ 854169 h 6857997"/>
              <a:gd name="connsiteX21" fmla="*/ 4409984 w 6205539"/>
              <a:gd name="connsiteY21" fmla="*/ 841118 h 6857997"/>
              <a:gd name="connsiteX22" fmla="*/ 4431463 w 6205539"/>
              <a:gd name="connsiteY22" fmla="*/ 825763 h 6857997"/>
              <a:gd name="connsiteX23" fmla="*/ 4921469 w 6205539"/>
              <a:gd name="connsiteY23" fmla="*/ 788965 h 6857997"/>
              <a:gd name="connsiteX24" fmla="*/ 4948991 w 6205539"/>
              <a:gd name="connsiteY24" fmla="*/ 800317 h 6857997"/>
              <a:gd name="connsiteX25" fmla="*/ 4958549 w 6205539"/>
              <a:gd name="connsiteY25" fmla="*/ 833221 h 6857997"/>
              <a:gd name="connsiteX26" fmla="*/ 4879995 w 6205539"/>
              <a:gd name="connsiteY26" fmla="*/ 833221 h 6857997"/>
              <a:gd name="connsiteX27" fmla="*/ 4892684 w 6205539"/>
              <a:gd name="connsiteY27" fmla="*/ 800755 h 6857997"/>
              <a:gd name="connsiteX28" fmla="*/ 4921469 w 6205539"/>
              <a:gd name="connsiteY28" fmla="*/ 788965 h 6857997"/>
              <a:gd name="connsiteX29" fmla="*/ 5274581 w 6205539"/>
              <a:gd name="connsiteY29" fmla="*/ 786552 h 6857997"/>
              <a:gd name="connsiteX30" fmla="*/ 5308201 w 6205539"/>
              <a:gd name="connsiteY30" fmla="*/ 820278 h 6857997"/>
              <a:gd name="connsiteX31" fmla="*/ 5274966 w 6205539"/>
              <a:gd name="connsiteY31" fmla="*/ 852469 h 6857997"/>
              <a:gd name="connsiteX32" fmla="*/ 5250246 w 6205539"/>
              <a:gd name="connsiteY32" fmla="*/ 844462 h 6857997"/>
              <a:gd name="connsiteX33" fmla="*/ 5241347 w 6205539"/>
              <a:gd name="connsiteY33" fmla="*/ 820662 h 6857997"/>
              <a:gd name="connsiteX34" fmla="*/ 5241457 w 6205539"/>
              <a:gd name="connsiteY34" fmla="*/ 820662 h 6857997"/>
              <a:gd name="connsiteX35" fmla="*/ 5249971 w 6205539"/>
              <a:gd name="connsiteY35" fmla="*/ 795162 h 6857997"/>
              <a:gd name="connsiteX36" fmla="*/ 5274581 w 6205539"/>
              <a:gd name="connsiteY36" fmla="*/ 786552 h 6857997"/>
              <a:gd name="connsiteX37" fmla="*/ 5155102 w 6205539"/>
              <a:gd name="connsiteY37" fmla="*/ 772733 h 6857997"/>
              <a:gd name="connsiteX38" fmla="*/ 5155102 w 6205539"/>
              <a:gd name="connsiteY38" fmla="*/ 922389 h 6857997"/>
              <a:gd name="connsiteX39" fmla="*/ 5177844 w 6205539"/>
              <a:gd name="connsiteY39" fmla="*/ 922389 h 6857997"/>
              <a:gd name="connsiteX40" fmla="*/ 5177844 w 6205539"/>
              <a:gd name="connsiteY40" fmla="*/ 772733 h 6857997"/>
              <a:gd name="connsiteX41" fmla="*/ 5067647 w 6205539"/>
              <a:gd name="connsiteY41" fmla="*/ 770155 h 6857997"/>
              <a:gd name="connsiteX42" fmla="*/ 5026722 w 6205539"/>
              <a:gd name="connsiteY42" fmla="*/ 780739 h 6857997"/>
              <a:gd name="connsiteX43" fmla="*/ 5011835 w 6205539"/>
              <a:gd name="connsiteY43" fmla="*/ 809639 h 6857997"/>
              <a:gd name="connsiteX44" fmla="*/ 5016120 w 6205539"/>
              <a:gd name="connsiteY44" fmla="*/ 827243 h 6857997"/>
              <a:gd name="connsiteX45" fmla="*/ 5029304 w 6205539"/>
              <a:gd name="connsiteY45" fmla="*/ 840459 h 6857997"/>
              <a:gd name="connsiteX46" fmla="*/ 5059023 w 6205539"/>
              <a:gd name="connsiteY46" fmla="*/ 854004 h 6857997"/>
              <a:gd name="connsiteX47" fmla="*/ 5088632 w 6205539"/>
              <a:gd name="connsiteY47" fmla="*/ 868701 h 6857997"/>
              <a:gd name="connsiteX48" fmla="*/ 5093594 w 6205539"/>
              <a:gd name="connsiteY48" fmla="*/ 874300 h 6857997"/>
              <a:gd name="connsiteX49" fmla="*/ 5086655 w 6205539"/>
              <a:gd name="connsiteY49" fmla="*/ 900946 h 6857997"/>
              <a:gd name="connsiteX50" fmla="*/ 5059188 w 6205539"/>
              <a:gd name="connsiteY50" fmla="*/ 906430 h 6857997"/>
              <a:gd name="connsiteX51" fmla="*/ 5035347 w 6205539"/>
              <a:gd name="connsiteY51" fmla="*/ 903304 h 6857997"/>
              <a:gd name="connsiteX52" fmla="*/ 5012165 w 6205539"/>
              <a:gd name="connsiteY52" fmla="*/ 894695 h 6857997"/>
              <a:gd name="connsiteX53" fmla="*/ 5012165 w 6205539"/>
              <a:gd name="connsiteY53" fmla="*/ 915698 h 6857997"/>
              <a:gd name="connsiteX54" fmla="*/ 5058638 w 6205539"/>
              <a:gd name="connsiteY54" fmla="*/ 925130 h 6857997"/>
              <a:gd name="connsiteX55" fmla="*/ 5102585 w 6205539"/>
              <a:gd name="connsiteY55" fmla="*/ 913833 h 6857997"/>
              <a:gd name="connsiteX56" fmla="*/ 5118186 w 6205539"/>
              <a:gd name="connsiteY56" fmla="*/ 881588 h 6857997"/>
              <a:gd name="connsiteX57" fmla="*/ 5108683 w 6205539"/>
              <a:gd name="connsiteY57" fmla="*/ 856801 h 6857997"/>
              <a:gd name="connsiteX58" fmla="*/ 5072646 w 6205539"/>
              <a:gd name="connsiteY58" fmla="*/ 837278 h 6857997"/>
              <a:gd name="connsiteX59" fmla="*/ 5046388 w 6205539"/>
              <a:gd name="connsiteY59" fmla="*/ 826310 h 6857997"/>
              <a:gd name="connsiteX60" fmla="*/ 5036500 w 6205539"/>
              <a:gd name="connsiteY60" fmla="*/ 818249 h 6857997"/>
              <a:gd name="connsiteX61" fmla="*/ 5033369 w 6205539"/>
              <a:gd name="connsiteY61" fmla="*/ 808049 h 6857997"/>
              <a:gd name="connsiteX62" fmla="*/ 5041609 w 6205539"/>
              <a:gd name="connsiteY62" fmla="*/ 794120 h 6857997"/>
              <a:gd name="connsiteX63" fmla="*/ 5065945 w 6205539"/>
              <a:gd name="connsiteY63" fmla="*/ 789020 h 6857997"/>
              <a:gd name="connsiteX64" fmla="*/ 5106870 w 6205539"/>
              <a:gd name="connsiteY64" fmla="*/ 798342 h 6857997"/>
              <a:gd name="connsiteX65" fmla="*/ 5115000 w 6205539"/>
              <a:gd name="connsiteY65" fmla="*/ 780026 h 6857997"/>
              <a:gd name="connsiteX66" fmla="*/ 5067647 w 6205539"/>
              <a:gd name="connsiteY66" fmla="*/ 770155 h 6857997"/>
              <a:gd name="connsiteX67" fmla="*/ 4921744 w 6205539"/>
              <a:gd name="connsiteY67" fmla="*/ 769991 h 6857997"/>
              <a:gd name="connsiteX68" fmla="*/ 4873787 w 6205539"/>
              <a:gd name="connsiteY68" fmla="*/ 791323 h 6857997"/>
              <a:gd name="connsiteX69" fmla="*/ 4855934 w 6205539"/>
              <a:gd name="connsiteY69" fmla="*/ 848794 h 6857997"/>
              <a:gd name="connsiteX70" fmla="*/ 4875161 w 6205539"/>
              <a:gd name="connsiteY70" fmla="*/ 904950 h 6857997"/>
              <a:gd name="connsiteX71" fmla="*/ 4927622 w 6205539"/>
              <a:gd name="connsiteY71" fmla="*/ 925130 h 6857997"/>
              <a:gd name="connsiteX72" fmla="*/ 4953550 w 6205539"/>
              <a:gd name="connsiteY72" fmla="*/ 922882 h 6857997"/>
              <a:gd name="connsiteX73" fmla="*/ 4976348 w 6205539"/>
              <a:gd name="connsiteY73" fmla="*/ 915479 h 6857997"/>
              <a:gd name="connsiteX74" fmla="*/ 4976348 w 6205539"/>
              <a:gd name="connsiteY74" fmla="*/ 895243 h 6857997"/>
              <a:gd name="connsiteX75" fmla="*/ 4928446 w 6205539"/>
              <a:gd name="connsiteY75" fmla="*/ 905335 h 6857997"/>
              <a:gd name="connsiteX76" fmla="*/ 4892794 w 6205539"/>
              <a:gd name="connsiteY76" fmla="*/ 891680 h 6857997"/>
              <a:gd name="connsiteX77" fmla="*/ 4879445 w 6205539"/>
              <a:gd name="connsiteY77" fmla="*/ 851702 h 6857997"/>
              <a:gd name="connsiteX78" fmla="*/ 4982830 w 6205539"/>
              <a:gd name="connsiteY78" fmla="*/ 851702 h 6857997"/>
              <a:gd name="connsiteX79" fmla="*/ 4982830 w 6205539"/>
              <a:gd name="connsiteY79" fmla="*/ 837334 h 6857997"/>
              <a:gd name="connsiteX80" fmla="*/ 4966350 w 6205539"/>
              <a:gd name="connsiteY80" fmla="*/ 788526 h 6857997"/>
              <a:gd name="connsiteX81" fmla="*/ 4921744 w 6205539"/>
              <a:gd name="connsiteY81" fmla="*/ 769991 h 6857997"/>
              <a:gd name="connsiteX82" fmla="*/ 5450423 w 6205539"/>
              <a:gd name="connsiteY82" fmla="*/ 769990 h 6857997"/>
              <a:gd name="connsiteX83" fmla="*/ 5422407 w 6205539"/>
              <a:gd name="connsiteY83" fmla="*/ 776077 h 6857997"/>
              <a:gd name="connsiteX84" fmla="*/ 5402851 w 6205539"/>
              <a:gd name="connsiteY84" fmla="*/ 793242 h 6857997"/>
              <a:gd name="connsiteX85" fmla="*/ 5401752 w 6205539"/>
              <a:gd name="connsiteY85" fmla="*/ 793242 h 6857997"/>
              <a:gd name="connsiteX86" fmla="*/ 5398017 w 6205539"/>
              <a:gd name="connsiteY86" fmla="*/ 772732 h 6857997"/>
              <a:gd name="connsiteX87" fmla="*/ 5379394 w 6205539"/>
              <a:gd name="connsiteY87" fmla="*/ 772732 h 6857997"/>
              <a:gd name="connsiteX88" fmla="*/ 5379394 w 6205539"/>
              <a:gd name="connsiteY88" fmla="*/ 922443 h 6857997"/>
              <a:gd name="connsiteX89" fmla="*/ 5402137 w 6205539"/>
              <a:gd name="connsiteY89" fmla="*/ 922443 h 6857997"/>
              <a:gd name="connsiteX90" fmla="*/ 5402137 w 6205539"/>
              <a:gd name="connsiteY90" fmla="*/ 843968 h 6857997"/>
              <a:gd name="connsiteX91" fmla="*/ 5413123 w 6205539"/>
              <a:gd name="connsiteY91" fmla="*/ 802016 h 6857997"/>
              <a:gd name="connsiteX92" fmla="*/ 5447566 w 6205539"/>
              <a:gd name="connsiteY92" fmla="*/ 789348 h 6857997"/>
              <a:gd name="connsiteX93" fmla="*/ 5473715 w 6205539"/>
              <a:gd name="connsiteY93" fmla="*/ 798342 h 6857997"/>
              <a:gd name="connsiteX94" fmla="*/ 5482065 w 6205539"/>
              <a:gd name="connsiteY94" fmla="*/ 825762 h 6857997"/>
              <a:gd name="connsiteX95" fmla="*/ 5482065 w 6205539"/>
              <a:gd name="connsiteY95" fmla="*/ 922388 h 6857997"/>
              <a:gd name="connsiteX96" fmla="*/ 5504862 w 6205539"/>
              <a:gd name="connsiteY96" fmla="*/ 922388 h 6857997"/>
              <a:gd name="connsiteX97" fmla="*/ 5504862 w 6205539"/>
              <a:gd name="connsiteY97" fmla="*/ 824774 h 6857997"/>
              <a:gd name="connsiteX98" fmla="*/ 5491183 w 6205539"/>
              <a:gd name="connsiteY98" fmla="*/ 783042 h 6857997"/>
              <a:gd name="connsiteX99" fmla="*/ 5450423 w 6205539"/>
              <a:gd name="connsiteY99" fmla="*/ 769990 h 6857997"/>
              <a:gd name="connsiteX100" fmla="*/ 5275405 w 6205539"/>
              <a:gd name="connsiteY100" fmla="*/ 769826 h 6857997"/>
              <a:gd name="connsiteX101" fmla="*/ 5233546 w 6205539"/>
              <a:gd name="connsiteY101" fmla="*/ 783152 h 6857997"/>
              <a:gd name="connsiteX102" fmla="*/ 5218769 w 6205539"/>
              <a:gd name="connsiteY102" fmla="*/ 821046 h 6857997"/>
              <a:gd name="connsiteX103" fmla="*/ 5226130 w 6205539"/>
              <a:gd name="connsiteY103" fmla="*/ 847259 h 6857997"/>
              <a:gd name="connsiteX104" fmla="*/ 5245027 w 6205539"/>
              <a:gd name="connsiteY104" fmla="*/ 863711 h 6857997"/>
              <a:gd name="connsiteX105" fmla="*/ 5231239 w 6205539"/>
              <a:gd name="connsiteY105" fmla="*/ 875556 h 6857997"/>
              <a:gd name="connsiteX106" fmla="*/ 5226844 w 6205539"/>
              <a:gd name="connsiteY106" fmla="*/ 889924 h 6857997"/>
              <a:gd name="connsiteX107" fmla="*/ 5230744 w 6205539"/>
              <a:gd name="connsiteY107" fmla="*/ 902592 h 6857997"/>
              <a:gd name="connsiteX108" fmla="*/ 5240413 w 6205539"/>
              <a:gd name="connsiteY108" fmla="*/ 910653 h 6857997"/>
              <a:gd name="connsiteX109" fmla="*/ 5215748 w 6205539"/>
              <a:gd name="connsiteY109" fmla="*/ 924198 h 6857997"/>
              <a:gd name="connsiteX110" fmla="*/ 5207013 w 6205539"/>
              <a:gd name="connsiteY110" fmla="*/ 947834 h 6857997"/>
              <a:gd name="connsiteX111" fmla="*/ 5222944 w 6205539"/>
              <a:gd name="connsiteY111" fmla="*/ 978653 h 6857997"/>
              <a:gd name="connsiteX112" fmla="*/ 5268319 w 6205539"/>
              <a:gd name="connsiteY112" fmla="*/ 989621 h 6857997"/>
              <a:gd name="connsiteX113" fmla="*/ 5326603 w 6205539"/>
              <a:gd name="connsiteY113" fmla="*/ 976570 h 6857997"/>
              <a:gd name="connsiteX114" fmla="*/ 5346654 w 6205539"/>
              <a:gd name="connsiteY114" fmla="*/ 938950 h 6857997"/>
              <a:gd name="connsiteX115" fmla="*/ 5333580 w 6205539"/>
              <a:gd name="connsiteY115" fmla="*/ 909172 h 6857997"/>
              <a:gd name="connsiteX116" fmla="*/ 5296170 w 6205539"/>
              <a:gd name="connsiteY116" fmla="*/ 898917 h 6857997"/>
              <a:gd name="connsiteX117" fmla="*/ 5269637 w 6205539"/>
              <a:gd name="connsiteY117" fmla="*/ 898917 h 6857997"/>
              <a:gd name="connsiteX118" fmla="*/ 5252278 w 6205539"/>
              <a:gd name="connsiteY118" fmla="*/ 896011 h 6857997"/>
              <a:gd name="connsiteX119" fmla="*/ 5247225 w 6205539"/>
              <a:gd name="connsiteY119" fmla="*/ 886908 h 6857997"/>
              <a:gd name="connsiteX120" fmla="*/ 5261727 w 6205539"/>
              <a:gd name="connsiteY120" fmla="*/ 867659 h 6857997"/>
              <a:gd name="connsiteX121" fmla="*/ 5274307 w 6205539"/>
              <a:gd name="connsiteY121" fmla="*/ 868756 h 6857997"/>
              <a:gd name="connsiteX122" fmla="*/ 5315617 w 6205539"/>
              <a:gd name="connsiteY122" fmla="*/ 855649 h 6857997"/>
              <a:gd name="connsiteX123" fmla="*/ 5330668 w 6205539"/>
              <a:gd name="connsiteY123" fmla="*/ 820552 h 6857997"/>
              <a:gd name="connsiteX124" fmla="*/ 5327647 w 6205539"/>
              <a:gd name="connsiteY124" fmla="*/ 803114 h 6857997"/>
              <a:gd name="connsiteX125" fmla="*/ 5320780 w 6205539"/>
              <a:gd name="connsiteY125" fmla="*/ 790610 h 6857997"/>
              <a:gd name="connsiteX126" fmla="*/ 5348577 w 6205539"/>
              <a:gd name="connsiteY126" fmla="*/ 787375 h 6857997"/>
              <a:gd name="connsiteX127" fmla="*/ 5348577 w 6205539"/>
              <a:gd name="connsiteY127" fmla="*/ 772733 h 6857997"/>
              <a:gd name="connsiteX128" fmla="*/ 5296610 w 6205539"/>
              <a:gd name="connsiteY128" fmla="*/ 772568 h 6857997"/>
              <a:gd name="connsiteX129" fmla="*/ 5275405 w 6205539"/>
              <a:gd name="connsiteY129" fmla="*/ 769826 h 6857997"/>
              <a:gd name="connsiteX130" fmla="*/ 4686739 w 6205539"/>
              <a:gd name="connsiteY130" fmla="*/ 742846 h 6857997"/>
              <a:gd name="connsiteX131" fmla="*/ 4720523 w 6205539"/>
              <a:gd name="connsiteY131" fmla="*/ 742846 h 6857997"/>
              <a:gd name="connsiteX132" fmla="*/ 4778862 w 6205539"/>
              <a:gd name="connsiteY132" fmla="*/ 762643 h 6857997"/>
              <a:gd name="connsiteX133" fmla="*/ 4798473 w 6205539"/>
              <a:gd name="connsiteY133" fmla="*/ 821485 h 6857997"/>
              <a:gd name="connsiteX134" fmla="*/ 4777544 w 6205539"/>
              <a:gd name="connsiteY134" fmla="*/ 882137 h 6857997"/>
              <a:gd name="connsiteX135" fmla="*/ 4715030 w 6205539"/>
              <a:gd name="connsiteY135" fmla="*/ 902537 h 6857997"/>
              <a:gd name="connsiteX136" fmla="*/ 4686739 w 6205539"/>
              <a:gd name="connsiteY136" fmla="*/ 902537 h 6857997"/>
              <a:gd name="connsiteX137" fmla="*/ 4442835 w 6205539"/>
              <a:gd name="connsiteY137" fmla="*/ 738349 h 6857997"/>
              <a:gd name="connsiteX138" fmla="*/ 4461677 w 6205539"/>
              <a:gd name="connsiteY138" fmla="*/ 744930 h 6857997"/>
              <a:gd name="connsiteX139" fmla="*/ 4468708 w 6205539"/>
              <a:gd name="connsiteY139" fmla="*/ 762094 h 6857997"/>
              <a:gd name="connsiteX140" fmla="*/ 4461787 w 6205539"/>
              <a:gd name="connsiteY140" fmla="*/ 782111 h 6857997"/>
              <a:gd name="connsiteX141" fmla="*/ 4437231 w 6205539"/>
              <a:gd name="connsiteY141" fmla="*/ 801030 h 6857997"/>
              <a:gd name="connsiteX142" fmla="*/ 4420422 w 6205539"/>
              <a:gd name="connsiteY142" fmla="*/ 780466 h 6857997"/>
              <a:gd name="connsiteX143" fmla="*/ 4415478 w 6205539"/>
              <a:gd name="connsiteY143" fmla="*/ 762478 h 6857997"/>
              <a:gd name="connsiteX144" fmla="*/ 4415313 w 6205539"/>
              <a:gd name="connsiteY144" fmla="*/ 762478 h 6857997"/>
              <a:gd name="connsiteX145" fmla="*/ 4423059 w 6205539"/>
              <a:gd name="connsiteY145" fmla="*/ 744875 h 6857997"/>
              <a:gd name="connsiteX146" fmla="*/ 4442835 w 6205539"/>
              <a:gd name="connsiteY146" fmla="*/ 738349 h 6857997"/>
              <a:gd name="connsiteX147" fmla="*/ 4663447 w 6205539"/>
              <a:gd name="connsiteY147" fmla="*/ 722775 h 6857997"/>
              <a:gd name="connsiteX148" fmla="*/ 4663447 w 6205539"/>
              <a:gd name="connsiteY148" fmla="*/ 922389 h 6857997"/>
              <a:gd name="connsiteX149" fmla="*/ 4718875 w 6205539"/>
              <a:gd name="connsiteY149" fmla="*/ 922389 h 6857997"/>
              <a:gd name="connsiteX150" fmla="*/ 4796221 w 6205539"/>
              <a:gd name="connsiteY150" fmla="*/ 896286 h 6857997"/>
              <a:gd name="connsiteX151" fmla="*/ 4823138 w 6205539"/>
              <a:gd name="connsiteY151" fmla="*/ 820663 h 6857997"/>
              <a:gd name="connsiteX152" fmla="*/ 4797265 w 6205539"/>
              <a:gd name="connsiteY152" fmla="*/ 748549 h 6857997"/>
              <a:gd name="connsiteX153" fmla="*/ 4724753 w 6205539"/>
              <a:gd name="connsiteY153" fmla="*/ 722775 h 6857997"/>
              <a:gd name="connsiteX154" fmla="*/ 4443658 w 6205539"/>
              <a:gd name="connsiteY154" fmla="*/ 719759 h 6857997"/>
              <a:gd name="connsiteX155" fmla="*/ 4406304 w 6205539"/>
              <a:gd name="connsiteY155" fmla="*/ 731275 h 6857997"/>
              <a:gd name="connsiteX156" fmla="*/ 4392900 w 6205539"/>
              <a:gd name="connsiteY156" fmla="*/ 763191 h 6857997"/>
              <a:gd name="connsiteX157" fmla="*/ 4395372 w 6205539"/>
              <a:gd name="connsiteY157" fmla="*/ 778217 h 6857997"/>
              <a:gd name="connsiteX158" fmla="*/ 4401964 w 6205539"/>
              <a:gd name="connsiteY158" fmla="*/ 792146 h 6857997"/>
              <a:gd name="connsiteX159" fmla="*/ 4417785 w 6205539"/>
              <a:gd name="connsiteY159" fmla="*/ 811834 h 6857997"/>
              <a:gd name="connsiteX160" fmla="*/ 4383671 w 6205539"/>
              <a:gd name="connsiteY160" fmla="*/ 839253 h 6857997"/>
              <a:gd name="connsiteX161" fmla="*/ 4374168 w 6205539"/>
              <a:gd name="connsiteY161" fmla="*/ 870676 h 6857997"/>
              <a:gd name="connsiteX162" fmla="*/ 4390373 w 6205539"/>
              <a:gd name="connsiteY162" fmla="*/ 910818 h 6857997"/>
              <a:gd name="connsiteX163" fmla="*/ 4435968 w 6205539"/>
              <a:gd name="connsiteY163" fmla="*/ 925296 h 6857997"/>
              <a:gd name="connsiteX164" fmla="*/ 4506008 w 6205539"/>
              <a:gd name="connsiteY164" fmla="*/ 898260 h 6857997"/>
              <a:gd name="connsiteX165" fmla="*/ 4531332 w 6205539"/>
              <a:gd name="connsiteY165" fmla="*/ 922554 h 6857997"/>
              <a:gd name="connsiteX166" fmla="*/ 4562644 w 6205539"/>
              <a:gd name="connsiteY166" fmla="*/ 922554 h 6857997"/>
              <a:gd name="connsiteX167" fmla="*/ 4521774 w 6205539"/>
              <a:gd name="connsiteY167" fmla="*/ 882850 h 6857997"/>
              <a:gd name="connsiteX168" fmla="*/ 4549790 w 6205539"/>
              <a:gd name="connsiteY168" fmla="*/ 823569 h 6857997"/>
              <a:gd name="connsiteX169" fmla="*/ 4526828 w 6205539"/>
              <a:gd name="connsiteY169" fmla="*/ 823569 h 6857997"/>
              <a:gd name="connsiteX170" fmla="*/ 4519082 w 6205539"/>
              <a:gd name="connsiteY170" fmla="*/ 848466 h 6857997"/>
              <a:gd name="connsiteX171" fmla="*/ 4506832 w 6205539"/>
              <a:gd name="connsiteY171" fmla="*/ 868373 h 6857997"/>
              <a:gd name="connsiteX172" fmla="*/ 4451184 w 6205539"/>
              <a:gd name="connsiteY172" fmla="*/ 814959 h 6857997"/>
              <a:gd name="connsiteX173" fmla="*/ 4481947 w 6205539"/>
              <a:gd name="connsiteY173" fmla="*/ 789898 h 6857997"/>
              <a:gd name="connsiteX174" fmla="*/ 4491231 w 6205539"/>
              <a:gd name="connsiteY174" fmla="*/ 762917 h 6857997"/>
              <a:gd name="connsiteX175" fmla="*/ 4478541 w 6205539"/>
              <a:gd name="connsiteY175" fmla="*/ 731165 h 6857997"/>
              <a:gd name="connsiteX176" fmla="*/ 4443658 w 6205539"/>
              <a:gd name="connsiteY176" fmla="*/ 719759 h 6857997"/>
              <a:gd name="connsiteX177" fmla="*/ 5166583 w 6205539"/>
              <a:gd name="connsiteY177" fmla="*/ 717181 h 6857997"/>
              <a:gd name="connsiteX178" fmla="*/ 5157024 w 6205539"/>
              <a:gd name="connsiteY178" fmla="*/ 720800 h 6857997"/>
              <a:gd name="connsiteX179" fmla="*/ 5153179 w 6205539"/>
              <a:gd name="connsiteY179" fmla="*/ 732207 h 6857997"/>
              <a:gd name="connsiteX180" fmla="*/ 5157024 w 6205539"/>
              <a:gd name="connsiteY180" fmla="*/ 743613 h 6857997"/>
              <a:gd name="connsiteX181" fmla="*/ 5176031 w 6205539"/>
              <a:gd name="connsiteY181" fmla="*/ 743613 h 6857997"/>
              <a:gd name="connsiteX182" fmla="*/ 5180041 w 6205539"/>
              <a:gd name="connsiteY182" fmla="*/ 732207 h 6857997"/>
              <a:gd name="connsiteX183" fmla="*/ 5176031 w 6205539"/>
              <a:gd name="connsiteY183" fmla="*/ 720855 h 6857997"/>
              <a:gd name="connsiteX184" fmla="*/ 5166583 w 6205539"/>
              <a:gd name="connsiteY184" fmla="*/ 717181 h 6857997"/>
              <a:gd name="connsiteX185" fmla="*/ 4746122 w 6205539"/>
              <a:gd name="connsiteY185" fmla="*/ 622860 h 6857997"/>
              <a:gd name="connsiteX186" fmla="*/ 4773589 w 6205539"/>
              <a:gd name="connsiteY186" fmla="*/ 622860 h 6857997"/>
              <a:gd name="connsiteX187" fmla="*/ 4801935 w 6205539"/>
              <a:gd name="connsiteY187" fmla="*/ 627575 h 6857997"/>
              <a:gd name="connsiteX188" fmla="*/ 4809406 w 6205539"/>
              <a:gd name="connsiteY188" fmla="*/ 644467 h 6857997"/>
              <a:gd name="connsiteX189" fmla="*/ 4795672 w 6205539"/>
              <a:gd name="connsiteY189" fmla="*/ 667609 h 6857997"/>
              <a:gd name="connsiteX190" fmla="*/ 4753319 w 6205539"/>
              <a:gd name="connsiteY190" fmla="*/ 676108 h 6857997"/>
              <a:gd name="connsiteX191" fmla="*/ 4723929 w 6205539"/>
              <a:gd name="connsiteY191" fmla="*/ 669857 h 6857997"/>
              <a:gd name="connsiteX192" fmla="*/ 4713657 w 6205539"/>
              <a:gd name="connsiteY192" fmla="*/ 651430 h 6857997"/>
              <a:gd name="connsiteX193" fmla="*/ 4722336 w 6205539"/>
              <a:gd name="connsiteY193" fmla="*/ 630263 h 6857997"/>
              <a:gd name="connsiteX194" fmla="*/ 4746122 w 6205539"/>
              <a:gd name="connsiteY194" fmla="*/ 622860 h 6857997"/>
              <a:gd name="connsiteX195" fmla="*/ 5813807 w 6205539"/>
              <a:gd name="connsiteY195" fmla="*/ 622859 h 6857997"/>
              <a:gd name="connsiteX196" fmla="*/ 5841274 w 6205539"/>
              <a:gd name="connsiteY196" fmla="*/ 622859 h 6857997"/>
              <a:gd name="connsiteX197" fmla="*/ 5869565 w 6205539"/>
              <a:gd name="connsiteY197" fmla="*/ 627575 h 6857997"/>
              <a:gd name="connsiteX198" fmla="*/ 5877091 w 6205539"/>
              <a:gd name="connsiteY198" fmla="*/ 644465 h 6857997"/>
              <a:gd name="connsiteX199" fmla="*/ 5863357 w 6205539"/>
              <a:gd name="connsiteY199" fmla="*/ 667607 h 6857997"/>
              <a:gd name="connsiteX200" fmla="*/ 5821003 w 6205539"/>
              <a:gd name="connsiteY200" fmla="*/ 676107 h 6857997"/>
              <a:gd name="connsiteX201" fmla="*/ 5791779 w 6205539"/>
              <a:gd name="connsiteY201" fmla="*/ 669856 h 6857997"/>
              <a:gd name="connsiteX202" fmla="*/ 5781506 w 6205539"/>
              <a:gd name="connsiteY202" fmla="*/ 651430 h 6857997"/>
              <a:gd name="connsiteX203" fmla="*/ 5789746 w 6205539"/>
              <a:gd name="connsiteY203" fmla="*/ 630262 h 6857997"/>
              <a:gd name="connsiteX204" fmla="*/ 5813807 w 6205539"/>
              <a:gd name="connsiteY204" fmla="*/ 622859 h 6857997"/>
              <a:gd name="connsiteX205" fmla="*/ 5321110 w 6205539"/>
              <a:gd name="connsiteY205" fmla="*/ 492835 h 6857997"/>
              <a:gd name="connsiteX206" fmla="*/ 5348522 w 6205539"/>
              <a:gd name="connsiteY206" fmla="*/ 504187 h 6857997"/>
              <a:gd name="connsiteX207" fmla="*/ 5358080 w 6205539"/>
              <a:gd name="connsiteY207" fmla="*/ 537090 h 6857997"/>
              <a:gd name="connsiteX208" fmla="*/ 5279690 w 6205539"/>
              <a:gd name="connsiteY208" fmla="*/ 537090 h 6857997"/>
              <a:gd name="connsiteX209" fmla="*/ 5292325 w 6205539"/>
              <a:gd name="connsiteY209" fmla="*/ 504625 h 6857997"/>
              <a:gd name="connsiteX210" fmla="*/ 5321110 w 6205539"/>
              <a:gd name="connsiteY210" fmla="*/ 492835 h 6857997"/>
              <a:gd name="connsiteX211" fmla="*/ 5164000 w 6205539"/>
              <a:gd name="connsiteY211" fmla="*/ 492835 h 6857997"/>
              <a:gd name="connsiteX212" fmla="*/ 5191357 w 6205539"/>
              <a:gd name="connsiteY212" fmla="*/ 504187 h 6857997"/>
              <a:gd name="connsiteX213" fmla="*/ 5200971 w 6205539"/>
              <a:gd name="connsiteY213" fmla="*/ 537090 h 6857997"/>
              <a:gd name="connsiteX214" fmla="*/ 5122581 w 6205539"/>
              <a:gd name="connsiteY214" fmla="*/ 537090 h 6857997"/>
              <a:gd name="connsiteX215" fmla="*/ 5135215 w 6205539"/>
              <a:gd name="connsiteY215" fmla="*/ 504625 h 6857997"/>
              <a:gd name="connsiteX216" fmla="*/ 5164000 w 6205539"/>
              <a:gd name="connsiteY216" fmla="*/ 492835 h 6857997"/>
              <a:gd name="connsiteX217" fmla="*/ 4758977 w 6205539"/>
              <a:gd name="connsiteY217" fmla="*/ 490424 h 6857997"/>
              <a:gd name="connsiteX218" fmla="*/ 4792596 w 6205539"/>
              <a:gd name="connsiteY218" fmla="*/ 524150 h 6857997"/>
              <a:gd name="connsiteX219" fmla="*/ 4759636 w 6205539"/>
              <a:gd name="connsiteY219" fmla="*/ 556340 h 6857997"/>
              <a:gd name="connsiteX220" fmla="*/ 4734861 w 6205539"/>
              <a:gd name="connsiteY220" fmla="*/ 548334 h 6857997"/>
              <a:gd name="connsiteX221" fmla="*/ 4725962 w 6205539"/>
              <a:gd name="connsiteY221" fmla="*/ 524533 h 6857997"/>
              <a:gd name="connsiteX222" fmla="*/ 4734312 w 6205539"/>
              <a:gd name="connsiteY222" fmla="*/ 499033 h 6857997"/>
              <a:gd name="connsiteX223" fmla="*/ 4758977 w 6205539"/>
              <a:gd name="connsiteY223" fmla="*/ 490424 h 6857997"/>
              <a:gd name="connsiteX224" fmla="*/ 5827046 w 6205539"/>
              <a:gd name="connsiteY224" fmla="*/ 490422 h 6857997"/>
              <a:gd name="connsiteX225" fmla="*/ 5860720 w 6205539"/>
              <a:gd name="connsiteY225" fmla="*/ 524148 h 6857997"/>
              <a:gd name="connsiteX226" fmla="*/ 5827486 w 6205539"/>
              <a:gd name="connsiteY226" fmla="*/ 556339 h 6857997"/>
              <a:gd name="connsiteX227" fmla="*/ 5802711 w 6205539"/>
              <a:gd name="connsiteY227" fmla="*/ 548332 h 6857997"/>
              <a:gd name="connsiteX228" fmla="*/ 5793811 w 6205539"/>
              <a:gd name="connsiteY228" fmla="*/ 524532 h 6857997"/>
              <a:gd name="connsiteX229" fmla="*/ 5802436 w 6205539"/>
              <a:gd name="connsiteY229" fmla="*/ 499032 h 6857997"/>
              <a:gd name="connsiteX230" fmla="*/ 5827046 w 6205539"/>
              <a:gd name="connsiteY230" fmla="*/ 490422 h 6857997"/>
              <a:gd name="connsiteX231" fmla="*/ 5535350 w 6205539"/>
              <a:gd name="connsiteY231" fmla="*/ 476603 h 6857997"/>
              <a:gd name="connsiteX232" fmla="*/ 5535350 w 6205539"/>
              <a:gd name="connsiteY232" fmla="*/ 626259 h 6857997"/>
              <a:gd name="connsiteX233" fmla="*/ 5558258 w 6205539"/>
              <a:gd name="connsiteY233" fmla="*/ 626259 h 6857997"/>
              <a:gd name="connsiteX234" fmla="*/ 5558038 w 6205539"/>
              <a:gd name="connsiteY234" fmla="*/ 476603 h 6857997"/>
              <a:gd name="connsiteX235" fmla="*/ 4864009 w 6205539"/>
              <a:gd name="connsiteY235" fmla="*/ 476603 h 6857997"/>
              <a:gd name="connsiteX236" fmla="*/ 4864009 w 6205539"/>
              <a:gd name="connsiteY236" fmla="*/ 626259 h 6857997"/>
              <a:gd name="connsiteX237" fmla="*/ 4886697 w 6205539"/>
              <a:gd name="connsiteY237" fmla="*/ 626259 h 6857997"/>
              <a:gd name="connsiteX238" fmla="*/ 4886697 w 6205539"/>
              <a:gd name="connsiteY238" fmla="*/ 476603 h 6857997"/>
              <a:gd name="connsiteX239" fmla="*/ 5828200 w 6205539"/>
              <a:gd name="connsiteY239" fmla="*/ 473861 h 6857997"/>
              <a:gd name="connsiteX240" fmla="*/ 5786340 w 6205539"/>
              <a:gd name="connsiteY240" fmla="*/ 487187 h 6857997"/>
              <a:gd name="connsiteX241" fmla="*/ 5771563 w 6205539"/>
              <a:gd name="connsiteY241" fmla="*/ 525080 h 6857997"/>
              <a:gd name="connsiteX242" fmla="*/ 5778704 w 6205539"/>
              <a:gd name="connsiteY242" fmla="*/ 551074 h 6857997"/>
              <a:gd name="connsiteX243" fmla="*/ 5797656 w 6205539"/>
              <a:gd name="connsiteY243" fmla="*/ 567526 h 6857997"/>
              <a:gd name="connsiteX244" fmla="*/ 5783813 w 6205539"/>
              <a:gd name="connsiteY244" fmla="*/ 579371 h 6857997"/>
              <a:gd name="connsiteX245" fmla="*/ 5779474 w 6205539"/>
              <a:gd name="connsiteY245" fmla="*/ 593739 h 6857997"/>
              <a:gd name="connsiteX246" fmla="*/ 5783374 w 6205539"/>
              <a:gd name="connsiteY246" fmla="*/ 606407 h 6857997"/>
              <a:gd name="connsiteX247" fmla="*/ 5792987 w 6205539"/>
              <a:gd name="connsiteY247" fmla="*/ 614797 h 6857997"/>
              <a:gd name="connsiteX248" fmla="*/ 5768377 w 6205539"/>
              <a:gd name="connsiteY248" fmla="*/ 628342 h 6857997"/>
              <a:gd name="connsiteX249" fmla="*/ 5759753 w 6205539"/>
              <a:gd name="connsiteY249" fmla="*/ 651704 h 6857997"/>
              <a:gd name="connsiteX250" fmla="*/ 5775683 w 6205539"/>
              <a:gd name="connsiteY250" fmla="*/ 682523 h 6857997"/>
              <a:gd name="connsiteX251" fmla="*/ 5821003 w 6205539"/>
              <a:gd name="connsiteY251" fmla="*/ 693491 h 6857997"/>
              <a:gd name="connsiteX252" fmla="*/ 5878958 w 6205539"/>
              <a:gd name="connsiteY252" fmla="*/ 680714 h 6857997"/>
              <a:gd name="connsiteX253" fmla="*/ 5898954 w 6205539"/>
              <a:gd name="connsiteY253" fmla="*/ 642820 h 6857997"/>
              <a:gd name="connsiteX254" fmla="*/ 5885880 w 6205539"/>
              <a:gd name="connsiteY254" fmla="*/ 613042 h 6857997"/>
              <a:gd name="connsiteX255" fmla="*/ 5848470 w 6205539"/>
              <a:gd name="connsiteY255" fmla="*/ 602787 h 6857997"/>
              <a:gd name="connsiteX256" fmla="*/ 5822157 w 6205539"/>
              <a:gd name="connsiteY256" fmla="*/ 602787 h 6857997"/>
              <a:gd name="connsiteX257" fmla="*/ 5804743 w 6205539"/>
              <a:gd name="connsiteY257" fmla="*/ 599881 h 6857997"/>
              <a:gd name="connsiteX258" fmla="*/ 5799689 w 6205539"/>
              <a:gd name="connsiteY258" fmla="*/ 590778 h 6857997"/>
              <a:gd name="connsiteX259" fmla="*/ 5814192 w 6205539"/>
              <a:gd name="connsiteY259" fmla="*/ 571529 h 6857997"/>
              <a:gd name="connsiteX260" fmla="*/ 5826771 w 6205539"/>
              <a:gd name="connsiteY260" fmla="*/ 572626 h 6857997"/>
              <a:gd name="connsiteX261" fmla="*/ 5868081 w 6205539"/>
              <a:gd name="connsiteY261" fmla="*/ 559519 h 6857997"/>
              <a:gd name="connsiteX262" fmla="*/ 5883133 w 6205539"/>
              <a:gd name="connsiteY262" fmla="*/ 524422 h 6857997"/>
              <a:gd name="connsiteX263" fmla="*/ 5880167 w 6205539"/>
              <a:gd name="connsiteY263" fmla="*/ 506984 h 6857997"/>
              <a:gd name="connsiteX264" fmla="*/ 5873300 w 6205539"/>
              <a:gd name="connsiteY264" fmla="*/ 494480 h 6857997"/>
              <a:gd name="connsiteX265" fmla="*/ 5901096 w 6205539"/>
              <a:gd name="connsiteY265" fmla="*/ 491245 h 6857997"/>
              <a:gd name="connsiteX266" fmla="*/ 5901096 w 6205539"/>
              <a:gd name="connsiteY266" fmla="*/ 476603 h 6857997"/>
              <a:gd name="connsiteX267" fmla="*/ 5849404 w 6205539"/>
              <a:gd name="connsiteY267" fmla="*/ 476603 h 6857997"/>
              <a:gd name="connsiteX268" fmla="*/ 5828200 w 6205539"/>
              <a:gd name="connsiteY268" fmla="*/ 473861 h 6857997"/>
              <a:gd name="connsiteX269" fmla="*/ 5489591 w 6205539"/>
              <a:gd name="connsiteY269" fmla="*/ 473861 h 6857997"/>
              <a:gd name="connsiteX270" fmla="*/ 5463937 w 6205539"/>
              <a:gd name="connsiteY270" fmla="*/ 481812 h 6857997"/>
              <a:gd name="connsiteX271" fmla="*/ 5443557 w 6205539"/>
              <a:gd name="connsiteY271" fmla="*/ 504351 h 6857997"/>
              <a:gd name="connsiteX272" fmla="*/ 5442458 w 6205539"/>
              <a:gd name="connsiteY272" fmla="*/ 504351 h 6857997"/>
              <a:gd name="connsiteX273" fmla="*/ 5439876 w 6205539"/>
              <a:gd name="connsiteY273" fmla="*/ 476603 h 6857997"/>
              <a:gd name="connsiteX274" fmla="*/ 5421144 w 6205539"/>
              <a:gd name="connsiteY274" fmla="*/ 476603 h 6857997"/>
              <a:gd name="connsiteX275" fmla="*/ 5421144 w 6205539"/>
              <a:gd name="connsiteY275" fmla="*/ 626258 h 6857997"/>
              <a:gd name="connsiteX276" fmla="*/ 5443832 w 6205539"/>
              <a:gd name="connsiteY276" fmla="*/ 626258 h 6857997"/>
              <a:gd name="connsiteX277" fmla="*/ 5443832 w 6205539"/>
              <a:gd name="connsiteY277" fmla="*/ 546138 h 6857997"/>
              <a:gd name="connsiteX278" fmla="*/ 5456796 w 6205539"/>
              <a:gd name="connsiteY278" fmla="*/ 509396 h 6857997"/>
              <a:gd name="connsiteX279" fmla="*/ 5487888 w 6205539"/>
              <a:gd name="connsiteY279" fmla="*/ 494645 h 6857997"/>
              <a:gd name="connsiteX280" fmla="*/ 5504368 w 6205539"/>
              <a:gd name="connsiteY280" fmla="*/ 496728 h 6857997"/>
              <a:gd name="connsiteX281" fmla="*/ 5507499 w 6205539"/>
              <a:gd name="connsiteY281" fmla="*/ 475506 h 6857997"/>
              <a:gd name="connsiteX282" fmla="*/ 5489591 w 6205539"/>
              <a:gd name="connsiteY282" fmla="*/ 473861 h 6857997"/>
              <a:gd name="connsiteX283" fmla="*/ 5321439 w 6205539"/>
              <a:gd name="connsiteY283" fmla="*/ 473861 h 6857997"/>
              <a:gd name="connsiteX284" fmla="*/ 5273538 w 6205539"/>
              <a:gd name="connsiteY284" fmla="*/ 495193 h 6857997"/>
              <a:gd name="connsiteX285" fmla="*/ 5255684 w 6205539"/>
              <a:gd name="connsiteY285" fmla="*/ 552664 h 6857997"/>
              <a:gd name="connsiteX286" fmla="*/ 5274856 w 6205539"/>
              <a:gd name="connsiteY286" fmla="*/ 608820 h 6857997"/>
              <a:gd name="connsiteX287" fmla="*/ 5327372 w 6205539"/>
              <a:gd name="connsiteY287" fmla="*/ 629000 h 6857997"/>
              <a:gd name="connsiteX288" fmla="*/ 5353246 w 6205539"/>
              <a:gd name="connsiteY288" fmla="*/ 626752 h 6857997"/>
              <a:gd name="connsiteX289" fmla="*/ 5376043 w 6205539"/>
              <a:gd name="connsiteY289" fmla="*/ 619349 h 6857997"/>
              <a:gd name="connsiteX290" fmla="*/ 5376043 w 6205539"/>
              <a:gd name="connsiteY290" fmla="*/ 599113 h 6857997"/>
              <a:gd name="connsiteX291" fmla="*/ 5328196 w 6205539"/>
              <a:gd name="connsiteY291" fmla="*/ 609203 h 6857997"/>
              <a:gd name="connsiteX292" fmla="*/ 5292599 w 6205539"/>
              <a:gd name="connsiteY292" fmla="*/ 595549 h 6857997"/>
              <a:gd name="connsiteX293" fmla="*/ 5279251 w 6205539"/>
              <a:gd name="connsiteY293" fmla="*/ 555571 h 6857997"/>
              <a:gd name="connsiteX294" fmla="*/ 5382525 w 6205539"/>
              <a:gd name="connsiteY294" fmla="*/ 555571 h 6857997"/>
              <a:gd name="connsiteX295" fmla="*/ 5382525 w 6205539"/>
              <a:gd name="connsiteY295" fmla="*/ 541203 h 6857997"/>
              <a:gd name="connsiteX296" fmla="*/ 5366045 w 6205539"/>
              <a:gd name="connsiteY296" fmla="*/ 492396 h 6857997"/>
              <a:gd name="connsiteX297" fmla="*/ 5321439 w 6205539"/>
              <a:gd name="connsiteY297" fmla="*/ 473861 h 6857997"/>
              <a:gd name="connsiteX298" fmla="*/ 5164275 w 6205539"/>
              <a:gd name="connsiteY298" fmla="*/ 473861 h 6857997"/>
              <a:gd name="connsiteX299" fmla="*/ 5116318 w 6205539"/>
              <a:gd name="connsiteY299" fmla="*/ 495193 h 6857997"/>
              <a:gd name="connsiteX300" fmla="*/ 5098465 w 6205539"/>
              <a:gd name="connsiteY300" fmla="*/ 552664 h 6857997"/>
              <a:gd name="connsiteX301" fmla="*/ 5117692 w 6205539"/>
              <a:gd name="connsiteY301" fmla="*/ 608820 h 6857997"/>
              <a:gd name="connsiteX302" fmla="*/ 5170153 w 6205539"/>
              <a:gd name="connsiteY302" fmla="*/ 629000 h 6857997"/>
              <a:gd name="connsiteX303" fmla="*/ 5196136 w 6205539"/>
              <a:gd name="connsiteY303" fmla="*/ 626752 h 6857997"/>
              <a:gd name="connsiteX304" fmla="*/ 5218934 w 6205539"/>
              <a:gd name="connsiteY304" fmla="*/ 619349 h 6857997"/>
              <a:gd name="connsiteX305" fmla="*/ 5218934 w 6205539"/>
              <a:gd name="connsiteY305" fmla="*/ 599113 h 6857997"/>
              <a:gd name="connsiteX306" fmla="*/ 5171032 w 6205539"/>
              <a:gd name="connsiteY306" fmla="*/ 609203 h 6857997"/>
              <a:gd name="connsiteX307" fmla="*/ 5135435 w 6205539"/>
              <a:gd name="connsiteY307" fmla="*/ 595549 h 6857997"/>
              <a:gd name="connsiteX308" fmla="*/ 5122086 w 6205539"/>
              <a:gd name="connsiteY308" fmla="*/ 555571 h 6857997"/>
              <a:gd name="connsiteX309" fmla="*/ 5225361 w 6205539"/>
              <a:gd name="connsiteY309" fmla="*/ 555571 h 6857997"/>
              <a:gd name="connsiteX310" fmla="*/ 5225361 w 6205539"/>
              <a:gd name="connsiteY310" fmla="*/ 541203 h 6857997"/>
              <a:gd name="connsiteX311" fmla="*/ 5208881 w 6205539"/>
              <a:gd name="connsiteY311" fmla="*/ 492396 h 6857997"/>
              <a:gd name="connsiteX312" fmla="*/ 5164275 w 6205539"/>
              <a:gd name="connsiteY312" fmla="*/ 473861 h 6857997"/>
              <a:gd name="connsiteX313" fmla="*/ 4609668 w 6205539"/>
              <a:gd name="connsiteY313" fmla="*/ 473861 h 6857997"/>
              <a:gd name="connsiteX314" fmla="*/ 4581597 w 6205539"/>
              <a:gd name="connsiteY314" fmla="*/ 479948 h 6857997"/>
              <a:gd name="connsiteX315" fmla="*/ 4562041 w 6205539"/>
              <a:gd name="connsiteY315" fmla="*/ 497113 h 6857997"/>
              <a:gd name="connsiteX316" fmla="*/ 4560942 w 6205539"/>
              <a:gd name="connsiteY316" fmla="*/ 497113 h 6857997"/>
              <a:gd name="connsiteX317" fmla="*/ 4557262 w 6205539"/>
              <a:gd name="connsiteY317" fmla="*/ 476603 h 6857997"/>
              <a:gd name="connsiteX318" fmla="*/ 4538804 w 6205539"/>
              <a:gd name="connsiteY318" fmla="*/ 476603 h 6857997"/>
              <a:gd name="connsiteX319" fmla="*/ 4538804 w 6205539"/>
              <a:gd name="connsiteY319" fmla="*/ 626259 h 6857997"/>
              <a:gd name="connsiteX320" fmla="*/ 4561492 w 6205539"/>
              <a:gd name="connsiteY320" fmla="*/ 626259 h 6857997"/>
              <a:gd name="connsiteX321" fmla="*/ 4561492 w 6205539"/>
              <a:gd name="connsiteY321" fmla="*/ 547784 h 6857997"/>
              <a:gd name="connsiteX322" fmla="*/ 4572478 w 6205539"/>
              <a:gd name="connsiteY322" fmla="*/ 505832 h 6857997"/>
              <a:gd name="connsiteX323" fmla="*/ 4606977 w 6205539"/>
              <a:gd name="connsiteY323" fmla="*/ 493165 h 6857997"/>
              <a:gd name="connsiteX324" fmla="*/ 4632850 w 6205539"/>
              <a:gd name="connsiteY324" fmla="*/ 502213 h 6857997"/>
              <a:gd name="connsiteX325" fmla="*/ 4641200 w 6205539"/>
              <a:gd name="connsiteY325" fmla="*/ 529633 h 6857997"/>
              <a:gd name="connsiteX326" fmla="*/ 4641200 w 6205539"/>
              <a:gd name="connsiteY326" fmla="*/ 626259 h 6857997"/>
              <a:gd name="connsiteX327" fmla="*/ 4664107 w 6205539"/>
              <a:gd name="connsiteY327" fmla="*/ 626259 h 6857997"/>
              <a:gd name="connsiteX328" fmla="*/ 4664107 w 6205539"/>
              <a:gd name="connsiteY328" fmla="*/ 528646 h 6857997"/>
              <a:gd name="connsiteX329" fmla="*/ 4650429 w 6205539"/>
              <a:gd name="connsiteY329" fmla="*/ 486913 h 6857997"/>
              <a:gd name="connsiteX330" fmla="*/ 4609668 w 6205539"/>
              <a:gd name="connsiteY330" fmla="*/ 473861 h 6857997"/>
              <a:gd name="connsiteX331" fmla="*/ 5677243 w 6205539"/>
              <a:gd name="connsiteY331" fmla="*/ 473860 h 6857997"/>
              <a:gd name="connsiteX332" fmla="*/ 5649172 w 6205539"/>
              <a:gd name="connsiteY332" fmla="*/ 479947 h 6857997"/>
              <a:gd name="connsiteX333" fmla="*/ 5629616 w 6205539"/>
              <a:gd name="connsiteY333" fmla="*/ 497112 h 6857997"/>
              <a:gd name="connsiteX334" fmla="*/ 5628517 w 6205539"/>
              <a:gd name="connsiteY334" fmla="*/ 497112 h 6857997"/>
              <a:gd name="connsiteX335" fmla="*/ 5624837 w 6205539"/>
              <a:gd name="connsiteY335" fmla="*/ 476602 h 6857997"/>
              <a:gd name="connsiteX336" fmla="*/ 5606379 w 6205539"/>
              <a:gd name="connsiteY336" fmla="*/ 476602 h 6857997"/>
              <a:gd name="connsiteX337" fmla="*/ 5606379 w 6205539"/>
              <a:gd name="connsiteY337" fmla="*/ 626258 h 6857997"/>
              <a:gd name="connsiteX338" fmla="*/ 5629067 w 6205539"/>
              <a:gd name="connsiteY338" fmla="*/ 626258 h 6857997"/>
              <a:gd name="connsiteX339" fmla="*/ 5629067 w 6205539"/>
              <a:gd name="connsiteY339" fmla="*/ 547838 h 6857997"/>
              <a:gd name="connsiteX340" fmla="*/ 5640053 w 6205539"/>
              <a:gd name="connsiteY340" fmla="*/ 505886 h 6857997"/>
              <a:gd name="connsiteX341" fmla="*/ 5674551 w 6205539"/>
              <a:gd name="connsiteY341" fmla="*/ 493218 h 6857997"/>
              <a:gd name="connsiteX342" fmla="*/ 5700645 w 6205539"/>
              <a:gd name="connsiteY342" fmla="*/ 502212 h 6857997"/>
              <a:gd name="connsiteX343" fmla="*/ 5708995 w 6205539"/>
              <a:gd name="connsiteY343" fmla="*/ 529632 h 6857997"/>
              <a:gd name="connsiteX344" fmla="*/ 5708995 w 6205539"/>
              <a:gd name="connsiteY344" fmla="*/ 626258 h 6857997"/>
              <a:gd name="connsiteX345" fmla="*/ 5731682 w 6205539"/>
              <a:gd name="connsiteY345" fmla="*/ 626258 h 6857997"/>
              <a:gd name="connsiteX346" fmla="*/ 5731682 w 6205539"/>
              <a:gd name="connsiteY346" fmla="*/ 528645 h 6857997"/>
              <a:gd name="connsiteX347" fmla="*/ 5718004 w 6205539"/>
              <a:gd name="connsiteY347" fmla="*/ 486912 h 6857997"/>
              <a:gd name="connsiteX348" fmla="*/ 5677243 w 6205539"/>
              <a:gd name="connsiteY348" fmla="*/ 473860 h 6857997"/>
              <a:gd name="connsiteX349" fmla="*/ 5005737 w 6205539"/>
              <a:gd name="connsiteY349" fmla="*/ 473860 h 6857997"/>
              <a:gd name="connsiteX350" fmla="*/ 4977666 w 6205539"/>
              <a:gd name="connsiteY350" fmla="*/ 479947 h 6857997"/>
              <a:gd name="connsiteX351" fmla="*/ 4958110 w 6205539"/>
              <a:gd name="connsiteY351" fmla="*/ 497112 h 6857997"/>
              <a:gd name="connsiteX352" fmla="*/ 4957011 w 6205539"/>
              <a:gd name="connsiteY352" fmla="*/ 497112 h 6857997"/>
              <a:gd name="connsiteX353" fmla="*/ 4953331 w 6205539"/>
              <a:gd name="connsiteY353" fmla="*/ 476602 h 6857997"/>
              <a:gd name="connsiteX354" fmla="*/ 4934873 w 6205539"/>
              <a:gd name="connsiteY354" fmla="*/ 476602 h 6857997"/>
              <a:gd name="connsiteX355" fmla="*/ 4934873 w 6205539"/>
              <a:gd name="connsiteY355" fmla="*/ 626258 h 6857997"/>
              <a:gd name="connsiteX356" fmla="*/ 4957561 w 6205539"/>
              <a:gd name="connsiteY356" fmla="*/ 626258 h 6857997"/>
              <a:gd name="connsiteX357" fmla="*/ 4957561 w 6205539"/>
              <a:gd name="connsiteY357" fmla="*/ 547838 h 6857997"/>
              <a:gd name="connsiteX358" fmla="*/ 4968547 w 6205539"/>
              <a:gd name="connsiteY358" fmla="*/ 505886 h 6857997"/>
              <a:gd name="connsiteX359" fmla="*/ 5002990 w 6205539"/>
              <a:gd name="connsiteY359" fmla="*/ 493218 h 6857997"/>
              <a:gd name="connsiteX360" fmla="*/ 5029139 w 6205539"/>
              <a:gd name="connsiteY360" fmla="*/ 502212 h 6857997"/>
              <a:gd name="connsiteX361" fmla="*/ 5037489 w 6205539"/>
              <a:gd name="connsiteY361" fmla="*/ 529632 h 6857997"/>
              <a:gd name="connsiteX362" fmla="*/ 5037489 w 6205539"/>
              <a:gd name="connsiteY362" fmla="*/ 626258 h 6857997"/>
              <a:gd name="connsiteX363" fmla="*/ 5060176 w 6205539"/>
              <a:gd name="connsiteY363" fmla="*/ 626258 h 6857997"/>
              <a:gd name="connsiteX364" fmla="*/ 5060176 w 6205539"/>
              <a:gd name="connsiteY364" fmla="*/ 528645 h 6857997"/>
              <a:gd name="connsiteX365" fmla="*/ 5046498 w 6205539"/>
              <a:gd name="connsiteY365" fmla="*/ 486912 h 6857997"/>
              <a:gd name="connsiteX366" fmla="*/ 5005737 w 6205539"/>
              <a:gd name="connsiteY366" fmla="*/ 473860 h 6857997"/>
              <a:gd name="connsiteX367" fmla="*/ 4760186 w 6205539"/>
              <a:gd name="connsiteY367" fmla="*/ 473643 h 6857997"/>
              <a:gd name="connsiteX368" fmla="*/ 4718326 w 6205539"/>
              <a:gd name="connsiteY368" fmla="*/ 486969 h 6857997"/>
              <a:gd name="connsiteX369" fmla="*/ 4703549 w 6205539"/>
              <a:gd name="connsiteY369" fmla="*/ 524863 h 6857997"/>
              <a:gd name="connsiteX370" fmla="*/ 4710855 w 6205539"/>
              <a:gd name="connsiteY370" fmla="*/ 551076 h 6857997"/>
              <a:gd name="connsiteX371" fmla="*/ 4729807 w 6205539"/>
              <a:gd name="connsiteY371" fmla="*/ 567527 h 6857997"/>
              <a:gd name="connsiteX372" fmla="*/ 4716019 w 6205539"/>
              <a:gd name="connsiteY372" fmla="*/ 579373 h 6857997"/>
              <a:gd name="connsiteX373" fmla="*/ 4711624 w 6205539"/>
              <a:gd name="connsiteY373" fmla="*/ 593740 h 6857997"/>
              <a:gd name="connsiteX374" fmla="*/ 4715524 w 6205539"/>
              <a:gd name="connsiteY374" fmla="*/ 606408 h 6857997"/>
              <a:gd name="connsiteX375" fmla="*/ 4725028 w 6205539"/>
              <a:gd name="connsiteY375" fmla="*/ 614799 h 6857997"/>
              <a:gd name="connsiteX376" fmla="*/ 4700363 w 6205539"/>
              <a:gd name="connsiteY376" fmla="*/ 628344 h 6857997"/>
              <a:gd name="connsiteX377" fmla="*/ 4691793 w 6205539"/>
              <a:gd name="connsiteY377" fmla="*/ 651979 h 6857997"/>
              <a:gd name="connsiteX378" fmla="*/ 4707724 w 6205539"/>
              <a:gd name="connsiteY378" fmla="*/ 682798 h 6857997"/>
              <a:gd name="connsiteX379" fmla="*/ 4753099 w 6205539"/>
              <a:gd name="connsiteY379" fmla="*/ 693767 h 6857997"/>
              <a:gd name="connsiteX380" fmla="*/ 4811328 w 6205539"/>
              <a:gd name="connsiteY380" fmla="*/ 680714 h 6857997"/>
              <a:gd name="connsiteX381" fmla="*/ 4831324 w 6205539"/>
              <a:gd name="connsiteY381" fmla="*/ 642821 h 6857997"/>
              <a:gd name="connsiteX382" fmla="*/ 4818250 w 6205539"/>
              <a:gd name="connsiteY382" fmla="*/ 613044 h 6857997"/>
              <a:gd name="connsiteX383" fmla="*/ 4780840 w 6205539"/>
              <a:gd name="connsiteY383" fmla="*/ 602789 h 6857997"/>
              <a:gd name="connsiteX384" fmla="*/ 4754308 w 6205539"/>
              <a:gd name="connsiteY384" fmla="*/ 602789 h 6857997"/>
              <a:gd name="connsiteX385" fmla="*/ 4736949 w 6205539"/>
              <a:gd name="connsiteY385" fmla="*/ 599882 h 6857997"/>
              <a:gd name="connsiteX386" fmla="*/ 4731895 w 6205539"/>
              <a:gd name="connsiteY386" fmla="*/ 590779 h 6857997"/>
              <a:gd name="connsiteX387" fmla="*/ 4746342 w 6205539"/>
              <a:gd name="connsiteY387" fmla="*/ 571531 h 6857997"/>
              <a:gd name="connsiteX388" fmla="*/ 4758977 w 6205539"/>
              <a:gd name="connsiteY388" fmla="*/ 572627 h 6857997"/>
              <a:gd name="connsiteX389" fmla="*/ 4800287 w 6205539"/>
              <a:gd name="connsiteY389" fmla="*/ 559521 h 6857997"/>
              <a:gd name="connsiteX390" fmla="*/ 4815339 w 6205539"/>
              <a:gd name="connsiteY390" fmla="*/ 524424 h 6857997"/>
              <a:gd name="connsiteX391" fmla="*/ 4812317 w 6205539"/>
              <a:gd name="connsiteY391" fmla="*/ 506985 h 6857997"/>
              <a:gd name="connsiteX392" fmla="*/ 4805451 w 6205539"/>
              <a:gd name="connsiteY392" fmla="*/ 494482 h 6857997"/>
              <a:gd name="connsiteX393" fmla="*/ 4833247 w 6205539"/>
              <a:gd name="connsiteY393" fmla="*/ 491246 h 6857997"/>
              <a:gd name="connsiteX394" fmla="*/ 4833247 w 6205539"/>
              <a:gd name="connsiteY394" fmla="*/ 476604 h 6857997"/>
              <a:gd name="connsiteX395" fmla="*/ 4781390 w 6205539"/>
              <a:gd name="connsiteY395" fmla="*/ 476385 h 6857997"/>
              <a:gd name="connsiteX396" fmla="*/ 4760186 w 6205539"/>
              <a:gd name="connsiteY396" fmla="*/ 473643 h 6857997"/>
              <a:gd name="connsiteX397" fmla="*/ 4386199 w 6205539"/>
              <a:gd name="connsiteY397" fmla="*/ 426645 h 6857997"/>
              <a:gd name="connsiteX398" fmla="*/ 4386199 w 6205539"/>
              <a:gd name="connsiteY398" fmla="*/ 626259 h 6857997"/>
              <a:gd name="connsiteX399" fmla="*/ 4497659 w 6205539"/>
              <a:gd name="connsiteY399" fmla="*/ 626259 h 6857997"/>
              <a:gd name="connsiteX400" fmla="*/ 4497659 w 6205539"/>
              <a:gd name="connsiteY400" fmla="*/ 605530 h 6857997"/>
              <a:gd name="connsiteX401" fmla="*/ 4409216 w 6205539"/>
              <a:gd name="connsiteY401" fmla="*/ 605530 h 6857997"/>
              <a:gd name="connsiteX402" fmla="*/ 4409216 w 6205539"/>
              <a:gd name="connsiteY402" fmla="*/ 532046 h 6857997"/>
              <a:gd name="connsiteX403" fmla="*/ 4492111 w 6205539"/>
              <a:gd name="connsiteY403" fmla="*/ 532046 h 6857997"/>
              <a:gd name="connsiteX404" fmla="*/ 4492111 w 6205539"/>
              <a:gd name="connsiteY404" fmla="*/ 511591 h 6857997"/>
              <a:gd name="connsiteX405" fmla="*/ 4409216 w 6205539"/>
              <a:gd name="connsiteY405" fmla="*/ 511591 h 6857997"/>
              <a:gd name="connsiteX406" fmla="*/ 4409216 w 6205539"/>
              <a:gd name="connsiteY406" fmla="*/ 447374 h 6857997"/>
              <a:gd name="connsiteX407" fmla="*/ 4497659 w 6205539"/>
              <a:gd name="connsiteY407" fmla="*/ 447374 h 6857997"/>
              <a:gd name="connsiteX408" fmla="*/ 4497659 w 6205539"/>
              <a:gd name="connsiteY408" fmla="*/ 426645 h 6857997"/>
              <a:gd name="connsiteX409" fmla="*/ 4865932 w 6205539"/>
              <a:gd name="connsiteY409" fmla="*/ 424670 h 6857997"/>
              <a:gd name="connsiteX410" fmla="*/ 4862086 w 6205539"/>
              <a:gd name="connsiteY410" fmla="*/ 436077 h 6857997"/>
              <a:gd name="connsiteX411" fmla="*/ 4865932 w 6205539"/>
              <a:gd name="connsiteY411" fmla="*/ 447373 h 6857997"/>
              <a:gd name="connsiteX412" fmla="*/ 4884939 w 6205539"/>
              <a:gd name="connsiteY412" fmla="*/ 447373 h 6857997"/>
              <a:gd name="connsiteX413" fmla="*/ 4888894 w 6205539"/>
              <a:gd name="connsiteY413" fmla="*/ 436022 h 6857997"/>
              <a:gd name="connsiteX414" fmla="*/ 4884939 w 6205539"/>
              <a:gd name="connsiteY414" fmla="*/ 424670 h 6857997"/>
              <a:gd name="connsiteX415" fmla="*/ 4865932 w 6205539"/>
              <a:gd name="connsiteY415" fmla="*/ 424670 h 6857997"/>
              <a:gd name="connsiteX416" fmla="*/ 5547051 w 6205539"/>
              <a:gd name="connsiteY416" fmla="*/ 421051 h 6857997"/>
              <a:gd name="connsiteX417" fmla="*/ 5537493 w 6205539"/>
              <a:gd name="connsiteY417" fmla="*/ 424670 h 6857997"/>
              <a:gd name="connsiteX418" fmla="*/ 5533647 w 6205539"/>
              <a:gd name="connsiteY418" fmla="*/ 436077 h 6857997"/>
              <a:gd name="connsiteX419" fmla="*/ 5537493 w 6205539"/>
              <a:gd name="connsiteY419" fmla="*/ 447483 h 6857997"/>
              <a:gd name="connsiteX420" fmla="*/ 5547051 w 6205539"/>
              <a:gd name="connsiteY420" fmla="*/ 451212 h 6857997"/>
              <a:gd name="connsiteX421" fmla="*/ 5556500 w 6205539"/>
              <a:gd name="connsiteY421" fmla="*/ 447483 h 6857997"/>
              <a:gd name="connsiteX422" fmla="*/ 5560455 w 6205539"/>
              <a:gd name="connsiteY422" fmla="*/ 436077 h 6857997"/>
              <a:gd name="connsiteX423" fmla="*/ 5556500 w 6205539"/>
              <a:gd name="connsiteY423" fmla="*/ 424725 h 6857997"/>
              <a:gd name="connsiteX424" fmla="*/ 5547051 w 6205539"/>
              <a:gd name="connsiteY424" fmla="*/ 421051 h 6857997"/>
              <a:gd name="connsiteX425" fmla="*/ 3022312 w 6205539"/>
              <a:gd name="connsiteY425" fmla="*/ 311755 h 6857997"/>
              <a:gd name="connsiteX426" fmla="*/ 2947987 w 6205539"/>
              <a:gd name="connsiteY426" fmla="*/ 386007 h 6857997"/>
              <a:gd name="connsiteX427" fmla="*/ 2947987 w 6205539"/>
              <a:gd name="connsiteY427" fmla="*/ 972072 h 6857997"/>
              <a:gd name="connsiteX428" fmla="*/ 3017807 w 6205539"/>
              <a:gd name="connsiteY428" fmla="*/ 1046050 h 6857997"/>
              <a:gd name="connsiteX429" fmla="*/ 4170585 w 6205539"/>
              <a:gd name="connsiteY429" fmla="*/ 1046050 h 6857997"/>
              <a:gd name="connsiteX430" fmla="*/ 4240405 w 6205539"/>
              <a:gd name="connsiteY430" fmla="*/ 971853 h 6857997"/>
              <a:gd name="connsiteX431" fmla="*/ 4240405 w 6205539"/>
              <a:gd name="connsiteY431" fmla="*/ 386007 h 6857997"/>
              <a:gd name="connsiteX432" fmla="*/ 4166080 w 6205539"/>
              <a:gd name="connsiteY432" fmla="*/ 311755 h 6857997"/>
              <a:gd name="connsiteX433" fmla="*/ 0 w 6205539"/>
              <a:gd name="connsiteY433" fmla="*/ 0 h 6857997"/>
              <a:gd name="connsiteX434" fmla="*/ 6205539 w 6205539"/>
              <a:gd name="connsiteY434" fmla="*/ 0 h 6857997"/>
              <a:gd name="connsiteX435" fmla="*/ 6205539 w 6205539"/>
              <a:gd name="connsiteY435" fmla="*/ 6531376 h 6857997"/>
              <a:gd name="connsiteX436" fmla="*/ 0 w 6205539"/>
              <a:gd name="connsiteY436" fmla="*/ 6531376 h 6857997"/>
              <a:gd name="connsiteX437" fmla="*/ 0 w 6205539"/>
              <a:gd name="connsiteY437" fmla="*/ 5564176 h 6857997"/>
              <a:gd name="connsiteX438" fmla="*/ 217487 w 6205539"/>
              <a:gd name="connsiteY438" fmla="*/ 5564176 h 6857997"/>
              <a:gd name="connsiteX439" fmla="*/ 217487 w 6205539"/>
              <a:gd name="connsiteY439" fmla="*/ 4264031 h 6857997"/>
              <a:gd name="connsiteX440" fmla="*/ 343 w 6205539"/>
              <a:gd name="connsiteY440" fmla="*/ 4264031 h 6857997"/>
              <a:gd name="connsiteX441" fmla="*/ 343 w 6205539"/>
              <a:gd name="connsiteY441" fmla="*/ 1317600 h 6857997"/>
              <a:gd name="connsiteX442" fmla="*/ 0 w 6205539"/>
              <a:gd name="connsiteY442" fmla="*/ 1317600 h 6857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Lst>
            <a:rect l="l" t="t" r="r" b="b"/>
            <a:pathLst>
              <a:path w="6205539" h="6857997">
                <a:moveTo>
                  <a:pt x="0" y="6545776"/>
                </a:moveTo>
                <a:lnTo>
                  <a:pt x="6205539" y="6545776"/>
                </a:lnTo>
                <a:lnTo>
                  <a:pt x="6205539" y="6857997"/>
                </a:lnTo>
                <a:lnTo>
                  <a:pt x="0" y="6857997"/>
                </a:lnTo>
                <a:close/>
                <a:moveTo>
                  <a:pt x="5261452" y="918989"/>
                </a:moveTo>
                <a:lnTo>
                  <a:pt x="5288919" y="918989"/>
                </a:lnTo>
                <a:cubicBezTo>
                  <a:pt x="5302817" y="918989"/>
                  <a:pt x="5312211" y="920579"/>
                  <a:pt x="5317265" y="923705"/>
                </a:cubicBezTo>
                <a:cubicBezTo>
                  <a:pt x="5322635" y="927573"/>
                  <a:pt x="5325509" y="934023"/>
                  <a:pt x="5324791" y="940595"/>
                </a:cubicBezTo>
                <a:cubicBezTo>
                  <a:pt x="5324818" y="950256"/>
                  <a:pt x="5319519" y="959149"/>
                  <a:pt x="5311002" y="963737"/>
                </a:cubicBezTo>
                <a:cubicBezTo>
                  <a:pt x="5301664" y="969440"/>
                  <a:pt x="5287765" y="972237"/>
                  <a:pt x="5268703" y="972237"/>
                </a:cubicBezTo>
                <a:cubicBezTo>
                  <a:pt x="5258505" y="972827"/>
                  <a:pt x="5248335" y="970667"/>
                  <a:pt x="5239259" y="965986"/>
                </a:cubicBezTo>
                <a:cubicBezTo>
                  <a:pt x="5232695" y="962209"/>
                  <a:pt x="5228763" y="955118"/>
                  <a:pt x="5229042" y="947560"/>
                </a:cubicBezTo>
                <a:lnTo>
                  <a:pt x="5229152" y="947560"/>
                </a:lnTo>
                <a:cubicBezTo>
                  <a:pt x="5228545" y="939633"/>
                  <a:pt x="5231552" y="931856"/>
                  <a:pt x="5237337" y="926392"/>
                </a:cubicBezTo>
                <a:cubicBezTo>
                  <a:pt x="5244212" y="921090"/>
                  <a:pt x="5252781" y="918460"/>
                  <a:pt x="5261452" y="918989"/>
                </a:cubicBezTo>
                <a:close/>
                <a:moveTo>
                  <a:pt x="4431463" y="825763"/>
                </a:moveTo>
                <a:lnTo>
                  <a:pt x="4491615" y="883782"/>
                </a:lnTo>
                <a:cubicBezTo>
                  <a:pt x="4476896" y="897901"/>
                  <a:pt x="4457083" y="905476"/>
                  <a:pt x="4436682" y="904786"/>
                </a:cubicBezTo>
                <a:cubicBezTo>
                  <a:pt x="4426367" y="905296"/>
                  <a:pt x="4416234" y="901931"/>
                  <a:pt x="4408281" y="895353"/>
                </a:cubicBezTo>
                <a:cubicBezTo>
                  <a:pt x="4401123" y="888921"/>
                  <a:pt x="4397231" y="879622"/>
                  <a:pt x="4397679" y="870018"/>
                </a:cubicBezTo>
                <a:cubicBezTo>
                  <a:pt x="4397572" y="864583"/>
                  <a:pt x="4398601" y="859185"/>
                  <a:pt x="4400700" y="854169"/>
                </a:cubicBezTo>
                <a:cubicBezTo>
                  <a:pt x="4402890" y="849243"/>
                  <a:pt x="4406047" y="844805"/>
                  <a:pt x="4409984" y="841118"/>
                </a:cubicBezTo>
                <a:cubicBezTo>
                  <a:pt x="4416612" y="835296"/>
                  <a:pt x="4423808" y="830152"/>
                  <a:pt x="4431463" y="825763"/>
                </a:cubicBezTo>
                <a:close/>
                <a:moveTo>
                  <a:pt x="4921469" y="788965"/>
                </a:moveTo>
                <a:cubicBezTo>
                  <a:pt x="4931909" y="788292"/>
                  <a:pt x="4942073" y="792483"/>
                  <a:pt x="4948991" y="800317"/>
                </a:cubicBezTo>
                <a:cubicBezTo>
                  <a:pt x="4955958" y="809820"/>
                  <a:pt x="4959343" y="821471"/>
                  <a:pt x="4958549" y="833221"/>
                </a:cubicBezTo>
                <a:lnTo>
                  <a:pt x="4879995" y="833221"/>
                </a:lnTo>
                <a:cubicBezTo>
                  <a:pt x="4880516" y="821297"/>
                  <a:pt x="4884978" y="809881"/>
                  <a:pt x="4892684" y="800755"/>
                </a:cubicBezTo>
                <a:cubicBezTo>
                  <a:pt x="4900079" y="792796"/>
                  <a:pt x="4910605" y="788484"/>
                  <a:pt x="4921469" y="788965"/>
                </a:cubicBezTo>
                <a:close/>
                <a:moveTo>
                  <a:pt x="5274581" y="786552"/>
                </a:moveTo>
                <a:cubicBezTo>
                  <a:pt x="5296994" y="786552"/>
                  <a:pt x="5308201" y="797794"/>
                  <a:pt x="5308201" y="820278"/>
                </a:cubicBezTo>
                <a:cubicBezTo>
                  <a:pt x="5308201" y="841501"/>
                  <a:pt x="5296939" y="852469"/>
                  <a:pt x="5274966" y="852469"/>
                </a:cubicBezTo>
                <a:cubicBezTo>
                  <a:pt x="5266006" y="853033"/>
                  <a:pt x="5257167" y="850170"/>
                  <a:pt x="5250246" y="844462"/>
                </a:cubicBezTo>
                <a:cubicBezTo>
                  <a:pt x="5243959" y="838195"/>
                  <a:pt x="5240711" y="829509"/>
                  <a:pt x="5241347" y="820662"/>
                </a:cubicBezTo>
                <a:lnTo>
                  <a:pt x="5241457" y="820662"/>
                </a:lnTo>
                <a:cubicBezTo>
                  <a:pt x="5240711" y="811361"/>
                  <a:pt x="5243784" y="802156"/>
                  <a:pt x="5249971" y="795162"/>
                </a:cubicBezTo>
                <a:cubicBezTo>
                  <a:pt x="5256640" y="789037"/>
                  <a:pt x="5265541" y="785923"/>
                  <a:pt x="5274581" y="786552"/>
                </a:cubicBezTo>
                <a:close/>
                <a:moveTo>
                  <a:pt x="5155102" y="772733"/>
                </a:moveTo>
                <a:lnTo>
                  <a:pt x="5155102" y="922389"/>
                </a:lnTo>
                <a:lnTo>
                  <a:pt x="5177844" y="922389"/>
                </a:lnTo>
                <a:lnTo>
                  <a:pt x="5177844" y="772733"/>
                </a:lnTo>
                <a:close/>
                <a:moveTo>
                  <a:pt x="5067647" y="770155"/>
                </a:moveTo>
                <a:cubicBezTo>
                  <a:pt x="5053238" y="769380"/>
                  <a:pt x="5038942" y="773077"/>
                  <a:pt x="5026722" y="780739"/>
                </a:cubicBezTo>
                <a:cubicBezTo>
                  <a:pt x="5017139" y="787200"/>
                  <a:pt x="5011525" y="798099"/>
                  <a:pt x="5011835" y="809639"/>
                </a:cubicBezTo>
                <a:cubicBezTo>
                  <a:pt x="5011659" y="815784"/>
                  <a:pt x="5013139" y="821864"/>
                  <a:pt x="5016120" y="827243"/>
                </a:cubicBezTo>
                <a:cubicBezTo>
                  <a:pt x="5019433" y="832605"/>
                  <a:pt x="5023946" y="837129"/>
                  <a:pt x="5029304" y="840459"/>
                </a:cubicBezTo>
                <a:cubicBezTo>
                  <a:pt x="5038722" y="845974"/>
                  <a:pt x="5048680" y="850512"/>
                  <a:pt x="5059023" y="854004"/>
                </a:cubicBezTo>
                <a:cubicBezTo>
                  <a:pt x="5069521" y="857526"/>
                  <a:pt x="5079484" y="862471"/>
                  <a:pt x="5088632" y="868701"/>
                </a:cubicBezTo>
                <a:cubicBezTo>
                  <a:pt x="5090633" y="870230"/>
                  <a:pt x="5092318" y="872131"/>
                  <a:pt x="5093594" y="874300"/>
                </a:cubicBezTo>
                <a:cubicBezTo>
                  <a:pt x="5099048" y="883571"/>
                  <a:pt x="5095941" y="895501"/>
                  <a:pt x="5086655" y="900946"/>
                </a:cubicBezTo>
                <a:cubicBezTo>
                  <a:pt x="5078142" y="905154"/>
                  <a:pt x="5068667" y="907046"/>
                  <a:pt x="5059188" y="906430"/>
                </a:cubicBezTo>
                <a:cubicBezTo>
                  <a:pt x="5051142" y="906378"/>
                  <a:pt x="5043133" y="905328"/>
                  <a:pt x="5035347" y="903304"/>
                </a:cubicBezTo>
                <a:cubicBezTo>
                  <a:pt x="5027325" y="901297"/>
                  <a:pt x="5019550" y="898410"/>
                  <a:pt x="5012165" y="894695"/>
                </a:cubicBezTo>
                <a:lnTo>
                  <a:pt x="5012165" y="915698"/>
                </a:lnTo>
                <a:cubicBezTo>
                  <a:pt x="5023261" y="921986"/>
                  <a:pt x="5038753" y="925130"/>
                  <a:pt x="5058638" y="925130"/>
                </a:cubicBezTo>
                <a:cubicBezTo>
                  <a:pt x="5077536" y="925130"/>
                  <a:pt x="5092184" y="921365"/>
                  <a:pt x="5102585" y="913833"/>
                </a:cubicBezTo>
                <a:cubicBezTo>
                  <a:pt x="5112913" y="906410"/>
                  <a:pt x="5118783" y="894279"/>
                  <a:pt x="5118186" y="881588"/>
                </a:cubicBezTo>
                <a:cubicBezTo>
                  <a:pt x="5118463" y="872390"/>
                  <a:pt x="5115041" y="863464"/>
                  <a:pt x="5108683" y="856801"/>
                </a:cubicBezTo>
                <a:cubicBezTo>
                  <a:pt x="5102457" y="850257"/>
                  <a:pt x="5090445" y="843749"/>
                  <a:pt x="5072646" y="837278"/>
                </a:cubicBezTo>
                <a:cubicBezTo>
                  <a:pt x="5063661" y="834205"/>
                  <a:pt x="5054889" y="830541"/>
                  <a:pt x="5046388" y="826310"/>
                </a:cubicBezTo>
                <a:cubicBezTo>
                  <a:pt x="5042540" y="824380"/>
                  <a:pt x="5039163" y="821628"/>
                  <a:pt x="5036500" y="818249"/>
                </a:cubicBezTo>
                <a:cubicBezTo>
                  <a:pt x="5034351" y="815290"/>
                  <a:pt x="5033249" y="811702"/>
                  <a:pt x="5033369" y="808049"/>
                </a:cubicBezTo>
                <a:cubicBezTo>
                  <a:pt x="5033295" y="802234"/>
                  <a:pt x="5036473" y="796863"/>
                  <a:pt x="5041609" y="794120"/>
                </a:cubicBezTo>
                <a:cubicBezTo>
                  <a:pt x="5049110" y="790255"/>
                  <a:pt x="5057520" y="788493"/>
                  <a:pt x="5065945" y="789020"/>
                </a:cubicBezTo>
                <a:cubicBezTo>
                  <a:pt x="5080064" y="789442"/>
                  <a:pt x="5093965" y="792609"/>
                  <a:pt x="5106870" y="798342"/>
                </a:cubicBezTo>
                <a:lnTo>
                  <a:pt x="5115000" y="780026"/>
                </a:lnTo>
                <a:cubicBezTo>
                  <a:pt x="5100056" y="773546"/>
                  <a:pt x="5083941" y="770186"/>
                  <a:pt x="5067647" y="770155"/>
                </a:cubicBezTo>
                <a:close/>
                <a:moveTo>
                  <a:pt x="4921744" y="769991"/>
                </a:moveTo>
                <a:cubicBezTo>
                  <a:pt x="4903307" y="769278"/>
                  <a:pt x="4885585" y="777161"/>
                  <a:pt x="4873787" y="791323"/>
                </a:cubicBezTo>
                <a:cubicBezTo>
                  <a:pt x="4861885" y="805508"/>
                  <a:pt x="4855934" y="824665"/>
                  <a:pt x="4855934" y="848794"/>
                </a:cubicBezTo>
                <a:cubicBezTo>
                  <a:pt x="4855751" y="872777"/>
                  <a:pt x="4862160" y="891496"/>
                  <a:pt x="4875161" y="904950"/>
                </a:cubicBezTo>
                <a:cubicBezTo>
                  <a:pt x="4888161" y="918403"/>
                  <a:pt x="4905648" y="925130"/>
                  <a:pt x="4927622" y="925130"/>
                </a:cubicBezTo>
                <a:cubicBezTo>
                  <a:pt x="4936319" y="925279"/>
                  <a:pt x="4945009" y="924525"/>
                  <a:pt x="4953550" y="922882"/>
                </a:cubicBezTo>
                <a:cubicBezTo>
                  <a:pt x="4961377" y="921177"/>
                  <a:pt x="4969014" y="918697"/>
                  <a:pt x="4976348" y="915479"/>
                </a:cubicBezTo>
                <a:lnTo>
                  <a:pt x="4976348" y="895243"/>
                </a:lnTo>
                <a:cubicBezTo>
                  <a:pt x="4961237" y="901834"/>
                  <a:pt x="4944936" y="905269"/>
                  <a:pt x="4928446" y="905335"/>
                </a:cubicBezTo>
                <a:cubicBezTo>
                  <a:pt x="4915145" y="906127"/>
                  <a:pt x="4902149" y="901150"/>
                  <a:pt x="4892794" y="891680"/>
                </a:cubicBezTo>
                <a:cubicBezTo>
                  <a:pt x="4884371" y="882576"/>
                  <a:pt x="4879921" y="869249"/>
                  <a:pt x="4879445" y="851702"/>
                </a:cubicBezTo>
                <a:lnTo>
                  <a:pt x="4982830" y="851702"/>
                </a:lnTo>
                <a:lnTo>
                  <a:pt x="4982830" y="837334"/>
                </a:lnTo>
                <a:cubicBezTo>
                  <a:pt x="4983621" y="819582"/>
                  <a:pt x="4977744" y="802177"/>
                  <a:pt x="4966350" y="788526"/>
                </a:cubicBezTo>
                <a:cubicBezTo>
                  <a:pt x="4955004" y="776003"/>
                  <a:pt x="4938641" y="769203"/>
                  <a:pt x="4921744" y="769991"/>
                </a:cubicBezTo>
                <a:close/>
                <a:moveTo>
                  <a:pt x="5450423" y="769990"/>
                </a:moveTo>
                <a:cubicBezTo>
                  <a:pt x="5440741" y="769855"/>
                  <a:pt x="5431157" y="771937"/>
                  <a:pt x="5422407" y="776077"/>
                </a:cubicBezTo>
                <a:cubicBezTo>
                  <a:pt x="5414367" y="779798"/>
                  <a:pt x="5407576" y="785759"/>
                  <a:pt x="5402851" y="793242"/>
                </a:cubicBezTo>
                <a:lnTo>
                  <a:pt x="5401752" y="793242"/>
                </a:lnTo>
                <a:lnTo>
                  <a:pt x="5398017" y="772732"/>
                </a:lnTo>
                <a:lnTo>
                  <a:pt x="5379394" y="772732"/>
                </a:lnTo>
                <a:lnTo>
                  <a:pt x="5379394" y="922443"/>
                </a:lnTo>
                <a:lnTo>
                  <a:pt x="5402137" y="922443"/>
                </a:lnTo>
                <a:lnTo>
                  <a:pt x="5402137" y="843968"/>
                </a:lnTo>
                <a:cubicBezTo>
                  <a:pt x="5402137" y="824445"/>
                  <a:pt x="5405799" y="810461"/>
                  <a:pt x="5413123" y="802016"/>
                </a:cubicBezTo>
                <a:cubicBezTo>
                  <a:pt x="5420448" y="793571"/>
                  <a:pt x="5431929" y="789348"/>
                  <a:pt x="5447566" y="789348"/>
                </a:cubicBezTo>
                <a:cubicBezTo>
                  <a:pt x="5459432" y="789348"/>
                  <a:pt x="5468221" y="792310"/>
                  <a:pt x="5473715" y="798342"/>
                </a:cubicBezTo>
                <a:cubicBezTo>
                  <a:pt x="5479879" y="806095"/>
                  <a:pt x="5482863" y="815896"/>
                  <a:pt x="5482065" y="825762"/>
                </a:cubicBezTo>
                <a:lnTo>
                  <a:pt x="5482065" y="922388"/>
                </a:lnTo>
                <a:lnTo>
                  <a:pt x="5504862" y="922388"/>
                </a:lnTo>
                <a:lnTo>
                  <a:pt x="5504862" y="824774"/>
                </a:lnTo>
                <a:cubicBezTo>
                  <a:pt x="5504862" y="805636"/>
                  <a:pt x="5500302" y="791706"/>
                  <a:pt x="5491183" y="783042"/>
                </a:cubicBezTo>
                <a:cubicBezTo>
                  <a:pt x="5482065" y="774377"/>
                  <a:pt x="5468496" y="769990"/>
                  <a:pt x="5450423" y="769990"/>
                </a:cubicBezTo>
                <a:close/>
                <a:moveTo>
                  <a:pt x="5275405" y="769826"/>
                </a:moveTo>
                <a:cubicBezTo>
                  <a:pt x="5257387" y="769826"/>
                  <a:pt x="5243379" y="774268"/>
                  <a:pt x="5233546" y="783152"/>
                </a:cubicBezTo>
                <a:cubicBezTo>
                  <a:pt x="5223295" y="793011"/>
                  <a:pt x="5217893" y="806863"/>
                  <a:pt x="5218769" y="821046"/>
                </a:cubicBezTo>
                <a:cubicBezTo>
                  <a:pt x="5218617" y="830312"/>
                  <a:pt x="5221175" y="839422"/>
                  <a:pt x="5226130" y="847259"/>
                </a:cubicBezTo>
                <a:cubicBezTo>
                  <a:pt x="5230506" y="854618"/>
                  <a:pt x="5237129" y="860384"/>
                  <a:pt x="5245027" y="863711"/>
                </a:cubicBezTo>
                <a:cubicBezTo>
                  <a:pt x="5239688" y="866706"/>
                  <a:pt x="5235001" y="870732"/>
                  <a:pt x="5231239" y="875556"/>
                </a:cubicBezTo>
                <a:cubicBezTo>
                  <a:pt x="5228287" y="879760"/>
                  <a:pt x="5226748" y="884791"/>
                  <a:pt x="5226844" y="889924"/>
                </a:cubicBezTo>
                <a:cubicBezTo>
                  <a:pt x="5226760" y="894453"/>
                  <a:pt x="5228127" y="898891"/>
                  <a:pt x="5230744" y="902592"/>
                </a:cubicBezTo>
                <a:cubicBezTo>
                  <a:pt x="5233158" y="906120"/>
                  <a:pt x="5236505" y="908911"/>
                  <a:pt x="5240413" y="910653"/>
                </a:cubicBezTo>
                <a:cubicBezTo>
                  <a:pt x="5230947" y="912407"/>
                  <a:pt x="5222299" y="917156"/>
                  <a:pt x="5215748" y="924198"/>
                </a:cubicBezTo>
                <a:cubicBezTo>
                  <a:pt x="5209974" y="930707"/>
                  <a:pt x="5206857" y="939141"/>
                  <a:pt x="5207013" y="947834"/>
                </a:cubicBezTo>
                <a:cubicBezTo>
                  <a:pt x="5206535" y="960187"/>
                  <a:pt x="5212582" y="971885"/>
                  <a:pt x="5222944" y="978653"/>
                </a:cubicBezTo>
                <a:cubicBezTo>
                  <a:pt x="5233601" y="985965"/>
                  <a:pt x="5248726" y="989621"/>
                  <a:pt x="5268319" y="989621"/>
                </a:cubicBezTo>
                <a:cubicBezTo>
                  <a:pt x="5293808" y="989585"/>
                  <a:pt x="5313236" y="985234"/>
                  <a:pt x="5326603" y="976570"/>
                </a:cubicBezTo>
                <a:cubicBezTo>
                  <a:pt x="5339548" y="968514"/>
                  <a:pt x="5347194" y="954168"/>
                  <a:pt x="5346654" y="938950"/>
                </a:cubicBezTo>
                <a:cubicBezTo>
                  <a:pt x="5347376" y="927498"/>
                  <a:pt x="5342505" y="916404"/>
                  <a:pt x="5333580" y="909172"/>
                </a:cubicBezTo>
                <a:cubicBezTo>
                  <a:pt x="5324900" y="902336"/>
                  <a:pt x="5312430" y="898917"/>
                  <a:pt x="5296170" y="898917"/>
                </a:cubicBezTo>
                <a:lnTo>
                  <a:pt x="5269637" y="898917"/>
                </a:lnTo>
                <a:cubicBezTo>
                  <a:pt x="5263702" y="899338"/>
                  <a:pt x="5257752" y="898342"/>
                  <a:pt x="5252278" y="896011"/>
                </a:cubicBezTo>
                <a:cubicBezTo>
                  <a:pt x="5248979" y="894201"/>
                  <a:pt x="5247013" y="890660"/>
                  <a:pt x="5247225" y="886908"/>
                </a:cubicBezTo>
                <a:cubicBezTo>
                  <a:pt x="5247225" y="879194"/>
                  <a:pt x="5252059" y="872777"/>
                  <a:pt x="5261727" y="867659"/>
                </a:cubicBezTo>
                <a:cubicBezTo>
                  <a:pt x="5265878" y="868404"/>
                  <a:pt x="5270089" y="868771"/>
                  <a:pt x="5274307" y="868756"/>
                </a:cubicBezTo>
                <a:cubicBezTo>
                  <a:pt x="5289222" y="869601"/>
                  <a:pt x="5303927" y="864935"/>
                  <a:pt x="5315617" y="855649"/>
                </a:cubicBezTo>
                <a:cubicBezTo>
                  <a:pt x="5325671" y="846809"/>
                  <a:pt x="5331200" y="833917"/>
                  <a:pt x="5330668" y="820552"/>
                </a:cubicBezTo>
                <a:cubicBezTo>
                  <a:pt x="5330743" y="814603"/>
                  <a:pt x="5329719" y="808692"/>
                  <a:pt x="5327647" y="803114"/>
                </a:cubicBezTo>
                <a:cubicBezTo>
                  <a:pt x="5325976" y="798636"/>
                  <a:pt x="5323664" y="794424"/>
                  <a:pt x="5320780" y="790610"/>
                </a:cubicBezTo>
                <a:lnTo>
                  <a:pt x="5348577" y="787375"/>
                </a:lnTo>
                <a:lnTo>
                  <a:pt x="5348577" y="772733"/>
                </a:lnTo>
                <a:lnTo>
                  <a:pt x="5296610" y="772568"/>
                </a:lnTo>
                <a:cubicBezTo>
                  <a:pt x="5289706" y="770665"/>
                  <a:pt x="5282567" y="769742"/>
                  <a:pt x="5275405" y="769826"/>
                </a:cubicBezTo>
                <a:close/>
                <a:moveTo>
                  <a:pt x="4686739" y="742846"/>
                </a:moveTo>
                <a:lnTo>
                  <a:pt x="4720523" y="742846"/>
                </a:lnTo>
                <a:cubicBezTo>
                  <a:pt x="4746341" y="742846"/>
                  <a:pt x="4765788" y="749445"/>
                  <a:pt x="4778862" y="762643"/>
                </a:cubicBezTo>
                <a:cubicBezTo>
                  <a:pt x="4791936" y="775841"/>
                  <a:pt x="4798473" y="795455"/>
                  <a:pt x="4798473" y="821485"/>
                </a:cubicBezTo>
                <a:cubicBezTo>
                  <a:pt x="4798473" y="848320"/>
                  <a:pt x="4791497" y="868537"/>
                  <a:pt x="4777544" y="882137"/>
                </a:cubicBezTo>
                <a:cubicBezTo>
                  <a:pt x="4763591" y="895737"/>
                  <a:pt x="4742753" y="902537"/>
                  <a:pt x="4715030" y="902537"/>
                </a:cubicBezTo>
                <a:lnTo>
                  <a:pt x="4686739" y="902537"/>
                </a:lnTo>
                <a:close/>
                <a:moveTo>
                  <a:pt x="4442835" y="738349"/>
                </a:moveTo>
                <a:cubicBezTo>
                  <a:pt x="4449734" y="738011"/>
                  <a:pt x="4456494" y="740371"/>
                  <a:pt x="4461677" y="744930"/>
                </a:cubicBezTo>
                <a:cubicBezTo>
                  <a:pt x="4466367" y="749387"/>
                  <a:pt x="4468926" y="755633"/>
                  <a:pt x="4468708" y="762094"/>
                </a:cubicBezTo>
                <a:cubicBezTo>
                  <a:pt x="4468804" y="769367"/>
                  <a:pt x="4466356" y="776446"/>
                  <a:pt x="4461787" y="782111"/>
                </a:cubicBezTo>
                <a:cubicBezTo>
                  <a:pt x="4454755" y="789783"/>
                  <a:pt x="4446447" y="796184"/>
                  <a:pt x="4437231" y="801030"/>
                </a:cubicBezTo>
                <a:cubicBezTo>
                  <a:pt x="4430815" y="794880"/>
                  <a:pt x="4425170" y="787975"/>
                  <a:pt x="4420422" y="780466"/>
                </a:cubicBezTo>
                <a:cubicBezTo>
                  <a:pt x="4417194" y="775018"/>
                  <a:pt x="4415487" y="768807"/>
                  <a:pt x="4415478" y="762478"/>
                </a:cubicBezTo>
                <a:lnTo>
                  <a:pt x="4415313" y="762478"/>
                </a:lnTo>
                <a:cubicBezTo>
                  <a:pt x="4415044" y="755733"/>
                  <a:pt x="4417901" y="749241"/>
                  <a:pt x="4423059" y="744875"/>
                </a:cubicBezTo>
                <a:cubicBezTo>
                  <a:pt x="4428614" y="740330"/>
                  <a:pt x="4435661" y="738005"/>
                  <a:pt x="4442835" y="738349"/>
                </a:cubicBezTo>
                <a:close/>
                <a:moveTo>
                  <a:pt x="4663447" y="722775"/>
                </a:moveTo>
                <a:lnTo>
                  <a:pt x="4663447" y="922389"/>
                </a:lnTo>
                <a:lnTo>
                  <a:pt x="4718875" y="922389"/>
                </a:lnTo>
                <a:cubicBezTo>
                  <a:pt x="4752494" y="922499"/>
                  <a:pt x="4778276" y="913798"/>
                  <a:pt x="4796221" y="896286"/>
                </a:cubicBezTo>
                <a:cubicBezTo>
                  <a:pt x="4814166" y="878774"/>
                  <a:pt x="4823138" y="853566"/>
                  <a:pt x="4823138" y="820663"/>
                </a:cubicBezTo>
                <a:cubicBezTo>
                  <a:pt x="4823138" y="789770"/>
                  <a:pt x="4814514" y="765732"/>
                  <a:pt x="4797265" y="748549"/>
                </a:cubicBezTo>
                <a:cubicBezTo>
                  <a:pt x="4780016" y="731366"/>
                  <a:pt x="4755845" y="722775"/>
                  <a:pt x="4724753" y="722775"/>
                </a:cubicBezTo>
                <a:close/>
                <a:moveTo>
                  <a:pt x="4443658" y="719759"/>
                </a:moveTo>
                <a:cubicBezTo>
                  <a:pt x="4430218" y="718936"/>
                  <a:pt x="4416938" y="723030"/>
                  <a:pt x="4406304" y="731275"/>
                </a:cubicBezTo>
                <a:cubicBezTo>
                  <a:pt x="4397175" y="739303"/>
                  <a:pt x="4392235" y="751065"/>
                  <a:pt x="4392900" y="763191"/>
                </a:cubicBezTo>
                <a:cubicBezTo>
                  <a:pt x="4392885" y="768302"/>
                  <a:pt x="4393721" y="773380"/>
                  <a:pt x="4395372" y="778217"/>
                </a:cubicBezTo>
                <a:cubicBezTo>
                  <a:pt x="4397015" y="783102"/>
                  <a:pt x="4399228" y="787777"/>
                  <a:pt x="4401964" y="792146"/>
                </a:cubicBezTo>
                <a:cubicBezTo>
                  <a:pt x="4406727" y="799102"/>
                  <a:pt x="4412016" y="805684"/>
                  <a:pt x="4417785" y="811834"/>
                </a:cubicBezTo>
                <a:cubicBezTo>
                  <a:pt x="4404565" y="818409"/>
                  <a:pt x="4392927" y="827763"/>
                  <a:pt x="4383671" y="839253"/>
                </a:cubicBezTo>
                <a:cubicBezTo>
                  <a:pt x="4377282" y="848474"/>
                  <a:pt x="4373957" y="859466"/>
                  <a:pt x="4374168" y="870676"/>
                </a:cubicBezTo>
                <a:cubicBezTo>
                  <a:pt x="4373309" y="885798"/>
                  <a:pt x="4379250" y="900516"/>
                  <a:pt x="4390373" y="910818"/>
                </a:cubicBezTo>
                <a:cubicBezTo>
                  <a:pt x="4401140" y="920470"/>
                  <a:pt x="4416338" y="925296"/>
                  <a:pt x="4435968" y="925296"/>
                </a:cubicBezTo>
                <a:cubicBezTo>
                  <a:pt x="4462007" y="926054"/>
                  <a:pt x="4487254" y="916309"/>
                  <a:pt x="4506008" y="898260"/>
                </a:cubicBezTo>
                <a:lnTo>
                  <a:pt x="4531332" y="922554"/>
                </a:lnTo>
                <a:lnTo>
                  <a:pt x="4562644" y="922554"/>
                </a:lnTo>
                <a:lnTo>
                  <a:pt x="4521774" y="882850"/>
                </a:lnTo>
                <a:cubicBezTo>
                  <a:pt x="4534262" y="869396"/>
                  <a:pt x="4543601" y="849636"/>
                  <a:pt x="4549790" y="823569"/>
                </a:cubicBezTo>
                <a:lnTo>
                  <a:pt x="4526828" y="823569"/>
                </a:lnTo>
                <a:cubicBezTo>
                  <a:pt x="4524878" y="832051"/>
                  <a:pt x="4522289" y="840374"/>
                  <a:pt x="4519082" y="848466"/>
                </a:cubicBezTo>
                <a:cubicBezTo>
                  <a:pt x="4516210" y="855773"/>
                  <a:pt x="4512062" y="862513"/>
                  <a:pt x="4506832" y="868373"/>
                </a:cubicBezTo>
                <a:lnTo>
                  <a:pt x="4451184" y="814959"/>
                </a:lnTo>
                <a:cubicBezTo>
                  <a:pt x="4462941" y="808634"/>
                  <a:pt x="4473382" y="800128"/>
                  <a:pt x="4481947" y="789898"/>
                </a:cubicBezTo>
                <a:cubicBezTo>
                  <a:pt x="4487966" y="782188"/>
                  <a:pt x="4491233" y="772692"/>
                  <a:pt x="4491231" y="762917"/>
                </a:cubicBezTo>
                <a:cubicBezTo>
                  <a:pt x="4491891" y="750984"/>
                  <a:pt x="4487248" y="739368"/>
                  <a:pt x="4478541" y="731165"/>
                </a:cubicBezTo>
                <a:cubicBezTo>
                  <a:pt x="4468756" y="723133"/>
                  <a:pt x="4456307" y="719062"/>
                  <a:pt x="4443658" y="719759"/>
                </a:cubicBezTo>
                <a:close/>
                <a:moveTo>
                  <a:pt x="5166583" y="717181"/>
                </a:moveTo>
                <a:cubicBezTo>
                  <a:pt x="5163044" y="717085"/>
                  <a:pt x="5159609" y="718386"/>
                  <a:pt x="5157024" y="720800"/>
                </a:cubicBezTo>
                <a:cubicBezTo>
                  <a:pt x="5154218" y="723908"/>
                  <a:pt x="5152826" y="728038"/>
                  <a:pt x="5153179" y="732207"/>
                </a:cubicBezTo>
                <a:cubicBezTo>
                  <a:pt x="5152865" y="736371"/>
                  <a:pt x="5154252" y="740485"/>
                  <a:pt x="5157024" y="743613"/>
                </a:cubicBezTo>
                <a:cubicBezTo>
                  <a:pt x="5162380" y="748587"/>
                  <a:pt x="5170675" y="748587"/>
                  <a:pt x="5176031" y="743613"/>
                </a:cubicBezTo>
                <a:cubicBezTo>
                  <a:pt x="5178903" y="740536"/>
                  <a:pt x="5180356" y="736401"/>
                  <a:pt x="5180041" y="732207"/>
                </a:cubicBezTo>
                <a:cubicBezTo>
                  <a:pt x="5180368" y="728028"/>
                  <a:pt x="5178912" y="723905"/>
                  <a:pt x="5176031" y="720855"/>
                </a:cubicBezTo>
                <a:cubicBezTo>
                  <a:pt x="5173492" y="718432"/>
                  <a:pt x="5170095" y="717111"/>
                  <a:pt x="5166583" y="717181"/>
                </a:cubicBezTo>
                <a:close/>
                <a:moveTo>
                  <a:pt x="4746122" y="622860"/>
                </a:moveTo>
                <a:lnTo>
                  <a:pt x="4773589" y="622860"/>
                </a:lnTo>
                <a:cubicBezTo>
                  <a:pt x="4787432" y="622897"/>
                  <a:pt x="4796881" y="624469"/>
                  <a:pt x="4801935" y="627575"/>
                </a:cubicBezTo>
                <a:cubicBezTo>
                  <a:pt x="4807293" y="631449"/>
                  <a:pt x="4810148" y="637904"/>
                  <a:pt x="4809406" y="644467"/>
                </a:cubicBezTo>
                <a:cubicBezTo>
                  <a:pt x="4809456" y="654119"/>
                  <a:pt x="4804177" y="663014"/>
                  <a:pt x="4795672" y="667609"/>
                </a:cubicBezTo>
                <a:cubicBezTo>
                  <a:pt x="4786279" y="673311"/>
                  <a:pt x="4772381" y="676108"/>
                  <a:pt x="4753319" y="676108"/>
                </a:cubicBezTo>
                <a:cubicBezTo>
                  <a:pt x="4743138" y="676691"/>
                  <a:pt x="4732988" y="674532"/>
                  <a:pt x="4723929" y="669857"/>
                </a:cubicBezTo>
                <a:cubicBezTo>
                  <a:pt x="4717353" y="666086"/>
                  <a:pt x="4713401" y="658998"/>
                  <a:pt x="4713657" y="651430"/>
                </a:cubicBezTo>
                <a:cubicBezTo>
                  <a:pt x="4713176" y="643425"/>
                  <a:pt x="4716370" y="635635"/>
                  <a:pt x="4722336" y="630263"/>
                </a:cubicBezTo>
                <a:cubicBezTo>
                  <a:pt x="4729122" y="625033"/>
                  <a:pt x="4737562" y="622405"/>
                  <a:pt x="4746122" y="622860"/>
                </a:cubicBezTo>
                <a:close/>
                <a:moveTo>
                  <a:pt x="5813807" y="622859"/>
                </a:moveTo>
                <a:lnTo>
                  <a:pt x="5841274" y="622859"/>
                </a:lnTo>
                <a:cubicBezTo>
                  <a:pt x="5855117" y="622859"/>
                  <a:pt x="5864566" y="624449"/>
                  <a:pt x="5869565" y="627575"/>
                </a:cubicBezTo>
                <a:cubicBezTo>
                  <a:pt x="5874953" y="631428"/>
                  <a:pt x="5877833" y="637890"/>
                  <a:pt x="5877091" y="644465"/>
                </a:cubicBezTo>
                <a:cubicBezTo>
                  <a:pt x="5877141" y="654118"/>
                  <a:pt x="5871862" y="663014"/>
                  <a:pt x="5863357" y="667607"/>
                </a:cubicBezTo>
                <a:cubicBezTo>
                  <a:pt x="5853964" y="673311"/>
                  <a:pt x="5840065" y="676107"/>
                  <a:pt x="5821003" y="676107"/>
                </a:cubicBezTo>
                <a:cubicBezTo>
                  <a:pt x="5810877" y="676668"/>
                  <a:pt x="5800786" y="674509"/>
                  <a:pt x="5791779" y="669856"/>
                </a:cubicBezTo>
                <a:cubicBezTo>
                  <a:pt x="5785185" y="666103"/>
                  <a:pt x="5781226" y="659002"/>
                  <a:pt x="5781506" y="651430"/>
                </a:cubicBezTo>
                <a:cubicBezTo>
                  <a:pt x="5780890" y="643491"/>
                  <a:pt x="5783921" y="635702"/>
                  <a:pt x="5789746" y="630262"/>
                </a:cubicBezTo>
                <a:cubicBezTo>
                  <a:pt x="5796605" y="624969"/>
                  <a:pt x="5805154" y="622338"/>
                  <a:pt x="5813807" y="622859"/>
                </a:cubicBezTo>
                <a:close/>
                <a:moveTo>
                  <a:pt x="5321110" y="492835"/>
                </a:moveTo>
                <a:cubicBezTo>
                  <a:pt x="5331508" y="492221"/>
                  <a:pt x="5341613" y="496405"/>
                  <a:pt x="5348522" y="504187"/>
                </a:cubicBezTo>
                <a:cubicBezTo>
                  <a:pt x="5355489" y="513689"/>
                  <a:pt x="5358874" y="525341"/>
                  <a:pt x="5358080" y="537090"/>
                </a:cubicBezTo>
                <a:lnTo>
                  <a:pt x="5279690" y="537090"/>
                </a:lnTo>
                <a:cubicBezTo>
                  <a:pt x="5280191" y="525172"/>
                  <a:pt x="5284634" y="513755"/>
                  <a:pt x="5292325" y="504625"/>
                </a:cubicBezTo>
                <a:cubicBezTo>
                  <a:pt x="5299728" y="496679"/>
                  <a:pt x="5310249" y="492369"/>
                  <a:pt x="5321110" y="492835"/>
                </a:cubicBezTo>
                <a:close/>
                <a:moveTo>
                  <a:pt x="5164000" y="492835"/>
                </a:moveTo>
                <a:cubicBezTo>
                  <a:pt x="5174384" y="492213"/>
                  <a:pt x="5184475" y="496400"/>
                  <a:pt x="5191357" y="504187"/>
                </a:cubicBezTo>
                <a:cubicBezTo>
                  <a:pt x="5198344" y="513682"/>
                  <a:pt x="5201748" y="525334"/>
                  <a:pt x="5200971" y="537090"/>
                </a:cubicBezTo>
                <a:lnTo>
                  <a:pt x="5122581" y="537090"/>
                </a:lnTo>
                <a:cubicBezTo>
                  <a:pt x="5123082" y="525172"/>
                  <a:pt x="5127525" y="513755"/>
                  <a:pt x="5135215" y="504625"/>
                </a:cubicBezTo>
                <a:cubicBezTo>
                  <a:pt x="5142610" y="496666"/>
                  <a:pt x="5153136" y="492354"/>
                  <a:pt x="5164000" y="492835"/>
                </a:cubicBezTo>
                <a:close/>
                <a:moveTo>
                  <a:pt x="4758977" y="490424"/>
                </a:moveTo>
                <a:cubicBezTo>
                  <a:pt x="4781390" y="490424"/>
                  <a:pt x="4792596" y="501666"/>
                  <a:pt x="4792596" y="524150"/>
                </a:cubicBezTo>
                <a:cubicBezTo>
                  <a:pt x="4792596" y="545372"/>
                  <a:pt x="4781610" y="556340"/>
                  <a:pt x="4759636" y="556340"/>
                </a:cubicBezTo>
                <a:cubicBezTo>
                  <a:pt x="4750660" y="556902"/>
                  <a:pt x="4741805" y="554040"/>
                  <a:pt x="4734861" y="548334"/>
                </a:cubicBezTo>
                <a:cubicBezTo>
                  <a:pt x="4728574" y="542065"/>
                  <a:pt x="4725326" y="533380"/>
                  <a:pt x="4725962" y="524533"/>
                </a:cubicBezTo>
                <a:cubicBezTo>
                  <a:pt x="4725197" y="515258"/>
                  <a:pt x="4728207" y="506067"/>
                  <a:pt x="4734312" y="499033"/>
                </a:cubicBezTo>
                <a:cubicBezTo>
                  <a:pt x="4741015" y="492928"/>
                  <a:pt x="4749923" y="489818"/>
                  <a:pt x="4758977" y="490424"/>
                </a:cubicBezTo>
                <a:close/>
                <a:moveTo>
                  <a:pt x="5827046" y="490422"/>
                </a:moveTo>
                <a:cubicBezTo>
                  <a:pt x="5849495" y="490422"/>
                  <a:pt x="5860720" y="501664"/>
                  <a:pt x="5860720" y="524148"/>
                </a:cubicBezTo>
                <a:cubicBezTo>
                  <a:pt x="5860720" y="545371"/>
                  <a:pt x="5849459" y="556339"/>
                  <a:pt x="5827486" y="556339"/>
                </a:cubicBezTo>
                <a:cubicBezTo>
                  <a:pt x="5818509" y="556900"/>
                  <a:pt x="5809654" y="554039"/>
                  <a:pt x="5802711" y="548332"/>
                </a:cubicBezTo>
                <a:cubicBezTo>
                  <a:pt x="5796423" y="542065"/>
                  <a:pt x="5793176" y="533379"/>
                  <a:pt x="5793811" y="524532"/>
                </a:cubicBezTo>
                <a:cubicBezTo>
                  <a:pt x="5793121" y="515218"/>
                  <a:pt x="5796232" y="506022"/>
                  <a:pt x="5802436" y="499032"/>
                </a:cubicBezTo>
                <a:cubicBezTo>
                  <a:pt x="5809122" y="492935"/>
                  <a:pt x="5818010" y="489825"/>
                  <a:pt x="5827046" y="490422"/>
                </a:cubicBezTo>
                <a:close/>
                <a:moveTo>
                  <a:pt x="5535350" y="476603"/>
                </a:moveTo>
                <a:lnTo>
                  <a:pt x="5535350" y="626259"/>
                </a:lnTo>
                <a:lnTo>
                  <a:pt x="5558258" y="626259"/>
                </a:lnTo>
                <a:lnTo>
                  <a:pt x="5558038" y="476603"/>
                </a:lnTo>
                <a:close/>
                <a:moveTo>
                  <a:pt x="4864009" y="476603"/>
                </a:moveTo>
                <a:lnTo>
                  <a:pt x="4864009" y="626259"/>
                </a:lnTo>
                <a:lnTo>
                  <a:pt x="4886697" y="626259"/>
                </a:lnTo>
                <a:lnTo>
                  <a:pt x="4886697" y="476603"/>
                </a:lnTo>
                <a:close/>
                <a:moveTo>
                  <a:pt x="5828200" y="473861"/>
                </a:moveTo>
                <a:cubicBezTo>
                  <a:pt x="5810145" y="473861"/>
                  <a:pt x="5796192" y="478303"/>
                  <a:pt x="5786340" y="487187"/>
                </a:cubicBezTo>
                <a:cubicBezTo>
                  <a:pt x="5776070" y="497033"/>
                  <a:pt x="5770665" y="510894"/>
                  <a:pt x="5771563" y="525080"/>
                </a:cubicBezTo>
                <a:cubicBezTo>
                  <a:pt x="5771385" y="534251"/>
                  <a:pt x="5773865" y="543277"/>
                  <a:pt x="5778704" y="551074"/>
                </a:cubicBezTo>
                <a:cubicBezTo>
                  <a:pt x="5783115" y="558425"/>
                  <a:pt x="5789752" y="564186"/>
                  <a:pt x="5797656" y="567526"/>
                </a:cubicBezTo>
                <a:cubicBezTo>
                  <a:pt x="5792303" y="570522"/>
                  <a:pt x="5787598" y="574548"/>
                  <a:pt x="5783813" y="579371"/>
                </a:cubicBezTo>
                <a:cubicBezTo>
                  <a:pt x="5780877" y="583580"/>
                  <a:pt x="5779357" y="588612"/>
                  <a:pt x="5779474" y="593739"/>
                </a:cubicBezTo>
                <a:cubicBezTo>
                  <a:pt x="5779366" y="598272"/>
                  <a:pt x="5780735" y="602717"/>
                  <a:pt x="5783374" y="606407"/>
                </a:cubicBezTo>
                <a:cubicBezTo>
                  <a:pt x="5785735" y="610041"/>
                  <a:pt x="5789064" y="612947"/>
                  <a:pt x="5792987" y="614797"/>
                </a:cubicBezTo>
                <a:cubicBezTo>
                  <a:pt x="5783538" y="616551"/>
                  <a:pt x="5774907" y="621301"/>
                  <a:pt x="5768377" y="628342"/>
                </a:cubicBezTo>
                <a:cubicBezTo>
                  <a:pt x="5762708" y="634797"/>
                  <a:pt x="5759635" y="643120"/>
                  <a:pt x="5759753" y="651704"/>
                </a:cubicBezTo>
                <a:cubicBezTo>
                  <a:pt x="5759253" y="664062"/>
                  <a:pt x="5765305" y="675770"/>
                  <a:pt x="5775683" y="682523"/>
                </a:cubicBezTo>
                <a:cubicBezTo>
                  <a:pt x="5786267" y="689835"/>
                  <a:pt x="5801374" y="693491"/>
                  <a:pt x="5821003" y="693491"/>
                </a:cubicBezTo>
                <a:cubicBezTo>
                  <a:pt x="5846639" y="693455"/>
                  <a:pt x="5865957" y="689196"/>
                  <a:pt x="5878958" y="680714"/>
                </a:cubicBezTo>
                <a:cubicBezTo>
                  <a:pt x="5891978" y="672604"/>
                  <a:pt x="5899617" y="658126"/>
                  <a:pt x="5898954" y="642820"/>
                </a:cubicBezTo>
                <a:cubicBezTo>
                  <a:pt x="5899657" y="631371"/>
                  <a:pt x="5894790" y="620285"/>
                  <a:pt x="5885880" y="613042"/>
                </a:cubicBezTo>
                <a:cubicBezTo>
                  <a:pt x="5877164" y="606206"/>
                  <a:pt x="5864694" y="602787"/>
                  <a:pt x="5848470" y="602787"/>
                </a:cubicBezTo>
                <a:lnTo>
                  <a:pt x="5822157" y="602787"/>
                </a:lnTo>
                <a:cubicBezTo>
                  <a:pt x="5816204" y="603207"/>
                  <a:pt x="5810236" y="602211"/>
                  <a:pt x="5804743" y="599881"/>
                </a:cubicBezTo>
                <a:cubicBezTo>
                  <a:pt x="5801463" y="598052"/>
                  <a:pt x="5799505" y="594524"/>
                  <a:pt x="5799689" y="590778"/>
                </a:cubicBezTo>
                <a:cubicBezTo>
                  <a:pt x="5799689" y="583027"/>
                  <a:pt x="5804523" y="576611"/>
                  <a:pt x="5814192" y="571529"/>
                </a:cubicBezTo>
                <a:cubicBezTo>
                  <a:pt x="5818344" y="572270"/>
                  <a:pt x="5822554" y="572637"/>
                  <a:pt x="5826771" y="572626"/>
                </a:cubicBezTo>
                <a:cubicBezTo>
                  <a:pt x="5841688" y="573481"/>
                  <a:pt x="5856397" y="568815"/>
                  <a:pt x="5868081" y="559519"/>
                </a:cubicBezTo>
                <a:cubicBezTo>
                  <a:pt x="5878155" y="550694"/>
                  <a:pt x="5883689" y="537791"/>
                  <a:pt x="5883133" y="524422"/>
                </a:cubicBezTo>
                <a:cubicBezTo>
                  <a:pt x="5883224" y="518477"/>
                  <a:pt x="5882218" y="512566"/>
                  <a:pt x="5880167" y="506984"/>
                </a:cubicBezTo>
                <a:cubicBezTo>
                  <a:pt x="5878476" y="502515"/>
                  <a:pt x="5876165" y="498306"/>
                  <a:pt x="5873300" y="494480"/>
                </a:cubicBezTo>
                <a:lnTo>
                  <a:pt x="5901096" y="491245"/>
                </a:lnTo>
                <a:lnTo>
                  <a:pt x="5901096" y="476603"/>
                </a:lnTo>
                <a:lnTo>
                  <a:pt x="5849404" y="476603"/>
                </a:lnTo>
                <a:cubicBezTo>
                  <a:pt x="5842499" y="474703"/>
                  <a:pt x="5835361" y="473780"/>
                  <a:pt x="5828200" y="473861"/>
                </a:cubicBezTo>
                <a:close/>
                <a:moveTo>
                  <a:pt x="5489591" y="473861"/>
                </a:moveTo>
                <a:cubicBezTo>
                  <a:pt x="5480433" y="473872"/>
                  <a:pt x="5471492" y="476644"/>
                  <a:pt x="5463937" y="481812"/>
                </a:cubicBezTo>
                <a:cubicBezTo>
                  <a:pt x="5455462" y="487619"/>
                  <a:pt x="5448479" y="495342"/>
                  <a:pt x="5443557" y="504351"/>
                </a:cubicBezTo>
                <a:lnTo>
                  <a:pt x="5442458" y="504351"/>
                </a:lnTo>
                <a:lnTo>
                  <a:pt x="5439876" y="476603"/>
                </a:lnTo>
                <a:lnTo>
                  <a:pt x="5421144" y="476603"/>
                </a:lnTo>
                <a:lnTo>
                  <a:pt x="5421144" y="626258"/>
                </a:lnTo>
                <a:lnTo>
                  <a:pt x="5443832" y="626258"/>
                </a:lnTo>
                <a:lnTo>
                  <a:pt x="5443832" y="546138"/>
                </a:lnTo>
                <a:cubicBezTo>
                  <a:pt x="5443414" y="532706"/>
                  <a:pt x="5448038" y="519602"/>
                  <a:pt x="5456796" y="509396"/>
                </a:cubicBezTo>
                <a:cubicBezTo>
                  <a:pt x="5464391" y="500037"/>
                  <a:pt x="5475822" y="494613"/>
                  <a:pt x="5487888" y="494645"/>
                </a:cubicBezTo>
                <a:cubicBezTo>
                  <a:pt x="5493440" y="494748"/>
                  <a:pt x="5498965" y="495447"/>
                  <a:pt x="5504368" y="496728"/>
                </a:cubicBezTo>
                <a:lnTo>
                  <a:pt x="5507499" y="475506"/>
                </a:lnTo>
                <a:cubicBezTo>
                  <a:pt x="5501602" y="474351"/>
                  <a:pt x="5495601" y="473799"/>
                  <a:pt x="5489591" y="473861"/>
                </a:cubicBezTo>
                <a:close/>
                <a:moveTo>
                  <a:pt x="5321439" y="473861"/>
                </a:moveTo>
                <a:cubicBezTo>
                  <a:pt x="5303016" y="473139"/>
                  <a:pt x="5285308" y="481026"/>
                  <a:pt x="5273538" y="495193"/>
                </a:cubicBezTo>
                <a:cubicBezTo>
                  <a:pt x="5261635" y="509378"/>
                  <a:pt x="5255684" y="528535"/>
                  <a:pt x="5255684" y="552664"/>
                </a:cubicBezTo>
                <a:cubicBezTo>
                  <a:pt x="5255648" y="576647"/>
                  <a:pt x="5262038" y="595366"/>
                  <a:pt x="5274856" y="608820"/>
                </a:cubicBezTo>
                <a:cubicBezTo>
                  <a:pt x="5287674" y="622273"/>
                  <a:pt x="5305179" y="629000"/>
                  <a:pt x="5327372" y="629000"/>
                </a:cubicBezTo>
                <a:cubicBezTo>
                  <a:pt x="5336052" y="629149"/>
                  <a:pt x="5344723" y="628395"/>
                  <a:pt x="5353246" y="626752"/>
                </a:cubicBezTo>
                <a:cubicBezTo>
                  <a:pt x="5361077" y="625064"/>
                  <a:pt x="5368716" y="622583"/>
                  <a:pt x="5376043" y="619349"/>
                </a:cubicBezTo>
                <a:lnTo>
                  <a:pt x="5376043" y="599113"/>
                </a:lnTo>
                <a:cubicBezTo>
                  <a:pt x="5360950" y="605696"/>
                  <a:pt x="5344667" y="609130"/>
                  <a:pt x="5328196" y="609203"/>
                </a:cubicBezTo>
                <a:cubicBezTo>
                  <a:pt x="5314912" y="609995"/>
                  <a:pt x="5301934" y="605017"/>
                  <a:pt x="5292599" y="595549"/>
                </a:cubicBezTo>
                <a:cubicBezTo>
                  <a:pt x="5284140" y="586445"/>
                  <a:pt x="5279690" y="573119"/>
                  <a:pt x="5279251" y="555571"/>
                </a:cubicBezTo>
                <a:lnTo>
                  <a:pt x="5382525" y="555571"/>
                </a:lnTo>
                <a:lnTo>
                  <a:pt x="5382525" y="541203"/>
                </a:lnTo>
                <a:cubicBezTo>
                  <a:pt x="5383317" y="523452"/>
                  <a:pt x="5377439" y="506047"/>
                  <a:pt x="5366045" y="492396"/>
                </a:cubicBezTo>
                <a:cubicBezTo>
                  <a:pt x="5354700" y="479872"/>
                  <a:pt x="5338336" y="473073"/>
                  <a:pt x="5321439" y="473861"/>
                </a:cubicBezTo>
                <a:close/>
                <a:moveTo>
                  <a:pt x="5164275" y="473861"/>
                </a:moveTo>
                <a:cubicBezTo>
                  <a:pt x="5145838" y="473148"/>
                  <a:pt x="5128116" y="481031"/>
                  <a:pt x="5116318" y="495193"/>
                </a:cubicBezTo>
                <a:cubicBezTo>
                  <a:pt x="5104416" y="509378"/>
                  <a:pt x="5098465" y="528535"/>
                  <a:pt x="5098465" y="552664"/>
                </a:cubicBezTo>
                <a:cubicBezTo>
                  <a:pt x="5098282" y="576647"/>
                  <a:pt x="5104691" y="595366"/>
                  <a:pt x="5117692" y="608820"/>
                </a:cubicBezTo>
                <a:cubicBezTo>
                  <a:pt x="5130692" y="622273"/>
                  <a:pt x="5148179" y="629000"/>
                  <a:pt x="5170153" y="629000"/>
                </a:cubicBezTo>
                <a:cubicBezTo>
                  <a:pt x="5178869" y="629155"/>
                  <a:pt x="5187577" y="628401"/>
                  <a:pt x="5196136" y="626752"/>
                </a:cubicBezTo>
                <a:cubicBezTo>
                  <a:pt x="5203965" y="625056"/>
                  <a:pt x="5211603" y="622575"/>
                  <a:pt x="5218934" y="619349"/>
                </a:cubicBezTo>
                <a:lnTo>
                  <a:pt x="5218934" y="599113"/>
                </a:lnTo>
                <a:cubicBezTo>
                  <a:pt x="5203823" y="605704"/>
                  <a:pt x="5187522" y="609138"/>
                  <a:pt x="5171032" y="609203"/>
                </a:cubicBezTo>
                <a:cubicBezTo>
                  <a:pt x="5157746" y="610010"/>
                  <a:pt x="5144761" y="605029"/>
                  <a:pt x="5135435" y="595549"/>
                </a:cubicBezTo>
                <a:cubicBezTo>
                  <a:pt x="5126975" y="586445"/>
                  <a:pt x="5122526" y="573119"/>
                  <a:pt x="5122086" y="555571"/>
                </a:cubicBezTo>
                <a:lnTo>
                  <a:pt x="5225361" y="555571"/>
                </a:lnTo>
                <a:lnTo>
                  <a:pt x="5225361" y="541203"/>
                </a:lnTo>
                <a:cubicBezTo>
                  <a:pt x="5226152" y="523452"/>
                  <a:pt x="5220275" y="506047"/>
                  <a:pt x="5208881" y="492396"/>
                </a:cubicBezTo>
                <a:cubicBezTo>
                  <a:pt x="5197535" y="479872"/>
                  <a:pt x="5181172" y="473073"/>
                  <a:pt x="5164275" y="473861"/>
                </a:cubicBezTo>
                <a:close/>
                <a:moveTo>
                  <a:pt x="4609668" y="473861"/>
                </a:moveTo>
                <a:cubicBezTo>
                  <a:pt x="4599968" y="473725"/>
                  <a:pt x="4590366" y="475807"/>
                  <a:pt x="4581597" y="479948"/>
                </a:cubicBezTo>
                <a:cubicBezTo>
                  <a:pt x="4573566" y="483682"/>
                  <a:pt x="4566778" y="489640"/>
                  <a:pt x="4562041" y="497113"/>
                </a:cubicBezTo>
                <a:lnTo>
                  <a:pt x="4560942" y="497113"/>
                </a:lnTo>
                <a:lnTo>
                  <a:pt x="4557262" y="476603"/>
                </a:lnTo>
                <a:lnTo>
                  <a:pt x="4538804" y="476603"/>
                </a:lnTo>
                <a:lnTo>
                  <a:pt x="4538804" y="626259"/>
                </a:lnTo>
                <a:lnTo>
                  <a:pt x="4561492" y="626259"/>
                </a:lnTo>
                <a:lnTo>
                  <a:pt x="4561492" y="547784"/>
                </a:lnTo>
                <a:cubicBezTo>
                  <a:pt x="4561492" y="528262"/>
                  <a:pt x="4565227" y="514278"/>
                  <a:pt x="4572478" y="505832"/>
                </a:cubicBezTo>
                <a:cubicBezTo>
                  <a:pt x="4579766" y="497387"/>
                  <a:pt x="4591265" y="493165"/>
                  <a:pt x="4606977" y="493165"/>
                </a:cubicBezTo>
                <a:cubicBezTo>
                  <a:pt x="4616491" y="492423"/>
                  <a:pt x="4625880" y="495706"/>
                  <a:pt x="4632850" y="502213"/>
                </a:cubicBezTo>
                <a:cubicBezTo>
                  <a:pt x="4639014" y="509966"/>
                  <a:pt x="4641999" y="519767"/>
                  <a:pt x="4641200" y="529633"/>
                </a:cubicBezTo>
                <a:lnTo>
                  <a:pt x="4641200" y="626259"/>
                </a:lnTo>
                <a:lnTo>
                  <a:pt x="4664107" y="626259"/>
                </a:lnTo>
                <a:lnTo>
                  <a:pt x="4664107" y="528646"/>
                </a:lnTo>
                <a:cubicBezTo>
                  <a:pt x="4664107" y="509507"/>
                  <a:pt x="4659548" y="495578"/>
                  <a:pt x="4650429" y="486913"/>
                </a:cubicBezTo>
                <a:cubicBezTo>
                  <a:pt x="4641310" y="478248"/>
                  <a:pt x="4627686" y="473861"/>
                  <a:pt x="4609668" y="473861"/>
                </a:cubicBezTo>
                <a:close/>
                <a:moveTo>
                  <a:pt x="5677243" y="473860"/>
                </a:moveTo>
                <a:cubicBezTo>
                  <a:pt x="5667543" y="473724"/>
                  <a:pt x="5657941" y="475806"/>
                  <a:pt x="5649172" y="479947"/>
                </a:cubicBezTo>
                <a:cubicBezTo>
                  <a:pt x="5641141" y="483681"/>
                  <a:pt x="5634353" y="489639"/>
                  <a:pt x="5629616" y="497112"/>
                </a:cubicBezTo>
                <a:lnTo>
                  <a:pt x="5628517" y="497112"/>
                </a:lnTo>
                <a:lnTo>
                  <a:pt x="5624837" y="476602"/>
                </a:lnTo>
                <a:lnTo>
                  <a:pt x="5606379" y="476602"/>
                </a:lnTo>
                <a:lnTo>
                  <a:pt x="5606379" y="626258"/>
                </a:lnTo>
                <a:lnTo>
                  <a:pt x="5629067" y="626258"/>
                </a:lnTo>
                <a:lnTo>
                  <a:pt x="5629067" y="547838"/>
                </a:lnTo>
                <a:cubicBezTo>
                  <a:pt x="5629103" y="528315"/>
                  <a:pt x="5632765" y="514332"/>
                  <a:pt x="5640053" y="505886"/>
                </a:cubicBezTo>
                <a:cubicBezTo>
                  <a:pt x="5647341" y="497441"/>
                  <a:pt x="5658840" y="493218"/>
                  <a:pt x="5674551" y="493218"/>
                </a:cubicBezTo>
                <a:cubicBezTo>
                  <a:pt x="5686417" y="493218"/>
                  <a:pt x="5695151" y="496180"/>
                  <a:pt x="5700645" y="502212"/>
                </a:cubicBezTo>
                <a:cubicBezTo>
                  <a:pt x="5706834" y="509952"/>
                  <a:pt x="5709821" y="519763"/>
                  <a:pt x="5708995" y="529632"/>
                </a:cubicBezTo>
                <a:lnTo>
                  <a:pt x="5708995" y="626258"/>
                </a:lnTo>
                <a:lnTo>
                  <a:pt x="5731682" y="626258"/>
                </a:lnTo>
                <a:lnTo>
                  <a:pt x="5731682" y="528645"/>
                </a:lnTo>
                <a:cubicBezTo>
                  <a:pt x="5731682" y="509506"/>
                  <a:pt x="5727123" y="495577"/>
                  <a:pt x="5718004" y="486912"/>
                </a:cubicBezTo>
                <a:cubicBezTo>
                  <a:pt x="5708885" y="478247"/>
                  <a:pt x="5695261" y="473860"/>
                  <a:pt x="5677243" y="473860"/>
                </a:cubicBezTo>
                <a:close/>
                <a:moveTo>
                  <a:pt x="5005737" y="473860"/>
                </a:moveTo>
                <a:cubicBezTo>
                  <a:pt x="4996037" y="473724"/>
                  <a:pt x="4986435" y="475806"/>
                  <a:pt x="4977666" y="479947"/>
                </a:cubicBezTo>
                <a:cubicBezTo>
                  <a:pt x="4969645" y="483697"/>
                  <a:pt x="4962862" y="489651"/>
                  <a:pt x="4958110" y="497112"/>
                </a:cubicBezTo>
                <a:lnTo>
                  <a:pt x="4957011" y="497112"/>
                </a:lnTo>
                <a:lnTo>
                  <a:pt x="4953331" y="476602"/>
                </a:lnTo>
                <a:lnTo>
                  <a:pt x="4934873" y="476602"/>
                </a:lnTo>
                <a:lnTo>
                  <a:pt x="4934873" y="626258"/>
                </a:lnTo>
                <a:lnTo>
                  <a:pt x="4957561" y="626258"/>
                </a:lnTo>
                <a:lnTo>
                  <a:pt x="4957561" y="547838"/>
                </a:lnTo>
                <a:cubicBezTo>
                  <a:pt x="4957561" y="528315"/>
                  <a:pt x="4961296" y="514332"/>
                  <a:pt x="4968547" y="505886"/>
                </a:cubicBezTo>
                <a:cubicBezTo>
                  <a:pt x="4975798" y="497441"/>
                  <a:pt x="4987334" y="493218"/>
                  <a:pt x="5002990" y="493218"/>
                </a:cubicBezTo>
                <a:cubicBezTo>
                  <a:pt x="5014856" y="493218"/>
                  <a:pt x="5023645" y="496180"/>
                  <a:pt x="5029139" y="502212"/>
                </a:cubicBezTo>
                <a:cubicBezTo>
                  <a:pt x="5035303" y="509965"/>
                  <a:pt x="5038287" y="519766"/>
                  <a:pt x="5037489" y="529632"/>
                </a:cubicBezTo>
                <a:lnTo>
                  <a:pt x="5037489" y="626258"/>
                </a:lnTo>
                <a:lnTo>
                  <a:pt x="5060176" y="626258"/>
                </a:lnTo>
                <a:lnTo>
                  <a:pt x="5060176" y="528645"/>
                </a:lnTo>
                <a:cubicBezTo>
                  <a:pt x="5060176" y="509506"/>
                  <a:pt x="5055617" y="495577"/>
                  <a:pt x="5046498" y="486912"/>
                </a:cubicBezTo>
                <a:cubicBezTo>
                  <a:pt x="5037379" y="478247"/>
                  <a:pt x="5023810" y="473860"/>
                  <a:pt x="5005737" y="473860"/>
                </a:cubicBezTo>
                <a:close/>
                <a:moveTo>
                  <a:pt x="4760186" y="473643"/>
                </a:moveTo>
                <a:cubicBezTo>
                  <a:pt x="4742131" y="473643"/>
                  <a:pt x="4728178" y="478085"/>
                  <a:pt x="4718326" y="486969"/>
                </a:cubicBezTo>
                <a:cubicBezTo>
                  <a:pt x="4708075" y="496828"/>
                  <a:pt x="4702673" y="510680"/>
                  <a:pt x="4703549" y="524863"/>
                </a:cubicBezTo>
                <a:cubicBezTo>
                  <a:pt x="4703378" y="534124"/>
                  <a:pt x="4705917" y="543234"/>
                  <a:pt x="4710855" y="551076"/>
                </a:cubicBezTo>
                <a:cubicBezTo>
                  <a:pt x="4715266" y="558426"/>
                  <a:pt x="4721903" y="564188"/>
                  <a:pt x="4729807" y="567527"/>
                </a:cubicBezTo>
                <a:cubicBezTo>
                  <a:pt x="4724468" y="570522"/>
                  <a:pt x="4719781" y="574548"/>
                  <a:pt x="4716019" y="579373"/>
                </a:cubicBezTo>
                <a:cubicBezTo>
                  <a:pt x="4713042" y="583564"/>
                  <a:pt x="4711501" y="588603"/>
                  <a:pt x="4711624" y="593740"/>
                </a:cubicBezTo>
                <a:cubicBezTo>
                  <a:pt x="4711540" y="598270"/>
                  <a:pt x="4712907" y="602708"/>
                  <a:pt x="4715524" y="606408"/>
                </a:cubicBezTo>
                <a:cubicBezTo>
                  <a:pt x="4717847" y="610035"/>
                  <a:pt x="4721139" y="612941"/>
                  <a:pt x="4725028" y="614799"/>
                </a:cubicBezTo>
                <a:cubicBezTo>
                  <a:pt x="4715557" y="616536"/>
                  <a:pt x="4706905" y="621289"/>
                  <a:pt x="4700363" y="628344"/>
                </a:cubicBezTo>
                <a:cubicBezTo>
                  <a:pt x="4694649" y="634876"/>
                  <a:pt x="4691592" y="643308"/>
                  <a:pt x="4691793" y="651979"/>
                </a:cubicBezTo>
                <a:cubicBezTo>
                  <a:pt x="4691315" y="664332"/>
                  <a:pt x="4697362" y="676029"/>
                  <a:pt x="4707724" y="682798"/>
                </a:cubicBezTo>
                <a:cubicBezTo>
                  <a:pt x="4718326" y="690093"/>
                  <a:pt x="4733488" y="693767"/>
                  <a:pt x="4753099" y="693767"/>
                </a:cubicBezTo>
                <a:cubicBezTo>
                  <a:pt x="4778625" y="693730"/>
                  <a:pt x="4798035" y="689380"/>
                  <a:pt x="4811328" y="680714"/>
                </a:cubicBezTo>
                <a:cubicBezTo>
                  <a:pt x="4824348" y="672605"/>
                  <a:pt x="4831988" y="658127"/>
                  <a:pt x="4831324" y="642821"/>
                </a:cubicBezTo>
                <a:cubicBezTo>
                  <a:pt x="4832046" y="631369"/>
                  <a:pt x="4827175" y="620275"/>
                  <a:pt x="4818250" y="613044"/>
                </a:cubicBezTo>
                <a:cubicBezTo>
                  <a:pt x="4809571" y="606189"/>
                  <a:pt x="4797320" y="602789"/>
                  <a:pt x="4780840" y="602789"/>
                </a:cubicBezTo>
                <a:lnTo>
                  <a:pt x="4754308" y="602789"/>
                </a:lnTo>
                <a:cubicBezTo>
                  <a:pt x="4748372" y="603210"/>
                  <a:pt x="4742422" y="602214"/>
                  <a:pt x="4736949" y="599882"/>
                </a:cubicBezTo>
                <a:cubicBezTo>
                  <a:pt x="4733649" y="598071"/>
                  <a:pt x="4731683" y="594532"/>
                  <a:pt x="4731895" y="590779"/>
                </a:cubicBezTo>
                <a:cubicBezTo>
                  <a:pt x="4731931" y="583028"/>
                  <a:pt x="4736747" y="576612"/>
                  <a:pt x="4746342" y="571531"/>
                </a:cubicBezTo>
                <a:cubicBezTo>
                  <a:pt x="4750513" y="572273"/>
                  <a:pt x="4754741" y="572640"/>
                  <a:pt x="4758977" y="572627"/>
                </a:cubicBezTo>
                <a:cubicBezTo>
                  <a:pt x="4773891" y="573462"/>
                  <a:pt x="4788592" y="568798"/>
                  <a:pt x="4800287" y="559521"/>
                </a:cubicBezTo>
                <a:cubicBezTo>
                  <a:pt x="4810341" y="550680"/>
                  <a:pt x="4815870" y="537788"/>
                  <a:pt x="4815339" y="524424"/>
                </a:cubicBezTo>
                <a:cubicBezTo>
                  <a:pt x="4815413" y="518475"/>
                  <a:pt x="4814389" y="512563"/>
                  <a:pt x="4812317" y="506985"/>
                </a:cubicBezTo>
                <a:cubicBezTo>
                  <a:pt x="4810647" y="502506"/>
                  <a:pt x="4808334" y="498296"/>
                  <a:pt x="4805451" y="494482"/>
                </a:cubicBezTo>
                <a:lnTo>
                  <a:pt x="4833247" y="491246"/>
                </a:lnTo>
                <a:lnTo>
                  <a:pt x="4833247" y="476604"/>
                </a:lnTo>
                <a:lnTo>
                  <a:pt x="4781390" y="476385"/>
                </a:lnTo>
                <a:cubicBezTo>
                  <a:pt x="4774485" y="474485"/>
                  <a:pt x="4767347" y="473562"/>
                  <a:pt x="4760186" y="473643"/>
                </a:cubicBezTo>
                <a:close/>
                <a:moveTo>
                  <a:pt x="4386199" y="426645"/>
                </a:moveTo>
                <a:lnTo>
                  <a:pt x="4386199" y="626259"/>
                </a:lnTo>
                <a:lnTo>
                  <a:pt x="4497659" y="626259"/>
                </a:lnTo>
                <a:lnTo>
                  <a:pt x="4497659" y="605530"/>
                </a:lnTo>
                <a:lnTo>
                  <a:pt x="4409216" y="605530"/>
                </a:lnTo>
                <a:lnTo>
                  <a:pt x="4409216" y="532046"/>
                </a:lnTo>
                <a:lnTo>
                  <a:pt x="4492111" y="532046"/>
                </a:lnTo>
                <a:lnTo>
                  <a:pt x="4492111" y="511591"/>
                </a:lnTo>
                <a:lnTo>
                  <a:pt x="4409216" y="511591"/>
                </a:lnTo>
                <a:lnTo>
                  <a:pt x="4409216" y="447374"/>
                </a:lnTo>
                <a:lnTo>
                  <a:pt x="4497659" y="447374"/>
                </a:lnTo>
                <a:lnTo>
                  <a:pt x="4497659" y="426645"/>
                </a:lnTo>
                <a:close/>
                <a:moveTo>
                  <a:pt x="4865932" y="424670"/>
                </a:moveTo>
                <a:cubicBezTo>
                  <a:pt x="4863102" y="427764"/>
                  <a:pt x="4861707" y="431905"/>
                  <a:pt x="4862086" y="436077"/>
                </a:cubicBezTo>
                <a:cubicBezTo>
                  <a:pt x="4861778" y="440207"/>
                  <a:pt x="4863166" y="444286"/>
                  <a:pt x="4865932" y="447373"/>
                </a:cubicBezTo>
                <a:cubicBezTo>
                  <a:pt x="4871288" y="452347"/>
                  <a:pt x="4879583" y="452347"/>
                  <a:pt x="4884939" y="447373"/>
                </a:cubicBezTo>
                <a:cubicBezTo>
                  <a:pt x="4887776" y="444300"/>
                  <a:pt x="4889208" y="440189"/>
                  <a:pt x="4888894" y="436022"/>
                </a:cubicBezTo>
                <a:cubicBezTo>
                  <a:pt x="4889235" y="431851"/>
                  <a:pt x="4887799" y="427729"/>
                  <a:pt x="4884939" y="424670"/>
                </a:cubicBezTo>
                <a:cubicBezTo>
                  <a:pt x="4879542" y="419801"/>
                  <a:pt x="4871329" y="419801"/>
                  <a:pt x="4865932" y="424670"/>
                </a:cubicBezTo>
                <a:close/>
                <a:moveTo>
                  <a:pt x="5547051" y="421051"/>
                </a:moveTo>
                <a:cubicBezTo>
                  <a:pt x="5543509" y="420937"/>
                  <a:pt x="5540068" y="422240"/>
                  <a:pt x="5537493" y="424670"/>
                </a:cubicBezTo>
                <a:cubicBezTo>
                  <a:pt x="5534663" y="427765"/>
                  <a:pt x="5533268" y="431904"/>
                  <a:pt x="5533647" y="436077"/>
                </a:cubicBezTo>
                <a:cubicBezTo>
                  <a:pt x="5533308" y="440244"/>
                  <a:pt x="5534698" y="444368"/>
                  <a:pt x="5537493" y="447483"/>
                </a:cubicBezTo>
                <a:cubicBezTo>
                  <a:pt x="5540040" y="449969"/>
                  <a:pt x="5543490" y="451315"/>
                  <a:pt x="5547051" y="451212"/>
                </a:cubicBezTo>
                <a:cubicBezTo>
                  <a:pt x="5550567" y="451244"/>
                  <a:pt x="5553956" y="449906"/>
                  <a:pt x="5556500" y="447483"/>
                </a:cubicBezTo>
                <a:cubicBezTo>
                  <a:pt x="5559351" y="444397"/>
                  <a:pt x="5560785" y="440263"/>
                  <a:pt x="5560455" y="436077"/>
                </a:cubicBezTo>
                <a:cubicBezTo>
                  <a:pt x="5560796" y="431906"/>
                  <a:pt x="5559360" y="427784"/>
                  <a:pt x="5556500" y="424725"/>
                </a:cubicBezTo>
                <a:cubicBezTo>
                  <a:pt x="5553951" y="422317"/>
                  <a:pt x="5550560" y="420999"/>
                  <a:pt x="5547051" y="421051"/>
                </a:cubicBezTo>
                <a:close/>
                <a:moveTo>
                  <a:pt x="3022312" y="311755"/>
                </a:moveTo>
                <a:cubicBezTo>
                  <a:pt x="2981267" y="311815"/>
                  <a:pt x="2948017" y="345033"/>
                  <a:pt x="2947987" y="386007"/>
                </a:cubicBezTo>
                <a:lnTo>
                  <a:pt x="2947987" y="972072"/>
                </a:lnTo>
                <a:cubicBezTo>
                  <a:pt x="2948058" y="1011261"/>
                  <a:pt x="2978625" y="1043648"/>
                  <a:pt x="3017807" y="1046050"/>
                </a:cubicBezTo>
                <a:lnTo>
                  <a:pt x="4170585" y="1046050"/>
                </a:lnTo>
                <a:cubicBezTo>
                  <a:pt x="4209839" y="1043616"/>
                  <a:pt x="4240422" y="1011115"/>
                  <a:pt x="4240405" y="971853"/>
                </a:cubicBezTo>
                <a:lnTo>
                  <a:pt x="4240405" y="386007"/>
                </a:lnTo>
                <a:cubicBezTo>
                  <a:pt x="4240375" y="345033"/>
                  <a:pt x="4207125" y="311815"/>
                  <a:pt x="4166080" y="311755"/>
                </a:cubicBezTo>
                <a:close/>
                <a:moveTo>
                  <a:pt x="0" y="0"/>
                </a:moveTo>
                <a:lnTo>
                  <a:pt x="6205539" y="0"/>
                </a:lnTo>
                <a:lnTo>
                  <a:pt x="6205539" y="6531376"/>
                </a:lnTo>
                <a:lnTo>
                  <a:pt x="0" y="6531376"/>
                </a:lnTo>
                <a:lnTo>
                  <a:pt x="0" y="5564176"/>
                </a:lnTo>
                <a:lnTo>
                  <a:pt x="217487" y="5564176"/>
                </a:lnTo>
                <a:lnTo>
                  <a:pt x="217487" y="4264031"/>
                </a:lnTo>
                <a:lnTo>
                  <a:pt x="343" y="4264031"/>
                </a:lnTo>
                <a:lnTo>
                  <a:pt x="343" y="1317600"/>
                </a:lnTo>
                <a:lnTo>
                  <a:pt x="0" y="1317600"/>
                </a:lnTo>
                <a:close/>
              </a:path>
            </a:pathLst>
          </a:custGeom>
          <a:solidFill>
            <a:schemeClr val="bg2"/>
          </a:solidFill>
        </p:spPr>
        <p:txBody>
          <a:bodyPr wrap="square" tIns="72000">
            <a:noAutofit/>
          </a:bodyP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bg1"/>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grpSp>
        <p:nvGrpSpPr>
          <p:cNvPr id="46" name="Group 45">
            <a:extLst>
              <a:ext uri="{FF2B5EF4-FFF2-40B4-BE49-F238E27FC236}">
                <a16:creationId xmlns:a16="http://schemas.microsoft.com/office/drawing/2014/main" id="{B9600BE2-89C2-43FE-AE8D-F0AD7B3AFEAF}"/>
              </a:ext>
            </a:extLst>
          </p:cNvPr>
          <p:cNvGrpSpPr/>
          <p:nvPr userDrawn="1"/>
        </p:nvGrpSpPr>
        <p:grpSpPr>
          <a:xfrm>
            <a:off x="8934449" y="311757"/>
            <a:ext cx="1292417" cy="734295"/>
            <a:chOff x="8934449" y="311757"/>
            <a:chExt cx="1292417" cy="734295"/>
          </a:xfrm>
        </p:grpSpPr>
        <p:sp>
          <p:nvSpPr>
            <p:cNvPr id="47" name="Freeform: Shape 46">
              <a:extLst>
                <a:ext uri="{FF2B5EF4-FFF2-40B4-BE49-F238E27FC236}">
                  <a16:creationId xmlns:a16="http://schemas.microsoft.com/office/drawing/2014/main" id="{D5B9F08D-6A08-4941-B0FF-04E291AD562E}"/>
                </a:ext>
              </a:extLst>
            </p:cNvPr>
            <p:cNvSpPr/>
            <p:nvPr userDrawn="1"/>
          </p:nvSpPr>
          <p:spPr>
            <a:xfrm>
              <a:off x="8934449" y="311757"/>
              <a:ext cx="1292417" cy="734295"/>
            </a:xfrm>
            <a:custGeom>
              <a:avLst/>
              <a:gdLst>
                <a:gd name="connsiteX0" fmla="*/ 1218093 w 1292417"/>
                <a:gd name="connsiteY0" fmla="*/ 0 h 734295"/>
                <a:gd name="connsiteX1" fmla="*/ 74325 w 1292417"/>
                <a:gd name="connsiteY1" fmla="*/ 0 h 734295"/>
                <a:gd name="connsiteX2" fmla="*/ 0 w 1292417"/>
                <a:gd name="connsiteY2" fmla="*/ 74252 h 734295"/>
                <a:gd name="connsiteX3" fmla="*/ 0 w 1292417"/>
                <a:gd name="connsiteY3" fmla="*/ 660317 h 734295"/>
                <a:gd name="connsiteX4" fmla="*/ 69820 w 1292417"/>
                <a:gd name="connsiteY4" fmla="*/ 734295 h 734295"/>
                <a:gd name="connsiteX5" fmla="*/ 1222598 w 1292417"/>
                <a:gd name="connsiteY5" fmla="*/ 734295 h 734295"/>
                <a:gd name="connsiteX6" fmla="*/ 1292418 w 1292417"/>
                <a:gd name="connsiteY6" fmla="*/ 660098 h 734295"/>
                <a:gd name="connsiteX7" fmla="*/ 1292418 w 1292417"/>
                <a:gd name="connsiteY7" fmla="*/ 74252 h 734295"/>
                <a:gd name="connsiteX8" fmla="*/ 1218093 w 1292417"/>
                <a:gd name="connsiteY8" fmla="*/ 0 h 7342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92417" h="734295">
                  <a:moveTo>
                    <a:pt x="1218093" y="0"/>
                  </a:moveTo>
                  <a:lnTo>
                    <a:pt x="74325" y="0"/>
                  </a:lnTo>
                  <a:cubicBezTo>
                    <a:pt x="33280" y="60"/>
                    <a:pt x="30" y="33278"/>
                    <a:pt x="0" y="74252"/>
                  </a:cubicBezTo>
                  <a:lnTo>
                    <a:pt x="0" y="660317"/>
                  </a:lnTo>
                  <a:cubicBezTo>
                    <a:pt x="71" y="699506"/>
                    <a:pt x="30638" y="731893"/>
                    <a:pt x="69820" y="734295"/>
                  </a:cubicBezTo>
                  <a:lnTo>
                    <a:pt x="1222598" y="734295"/>
                  </a:lnTo>
                  <a:cubicBezTo>
                    <a:pt x="1261852" y="731861"/>
                    <a:pt x="1292435" y="699360"/>
                    <a:pt x="1292418" y="660098"/>
                  </a:cubicBezTo>
                  <a:lnTo>
                    <a:pt x="1292418" y="74252"/>
                  </a:lnTo>
                  <a:cubicBezTo>
                    <a:pt x="1292388" y="33278"/>
                    <a:pt x="1259138" y="60"/>
                    <a:pt x="1218093" y="0"/>
                  </a:cubicBezTo>
                  <a:close/>
                </a:path>
              </a:pathLst>
            </a:custGeom>
            <a:solidFill>
              <a:srgbClr val="FFFFFF"/>
            </a:solidFill>
            <a:ln w="5493"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4A62A00C-1773-44CF-A0C3-F3BDD23F7C70}"/>
                </a:ext>
              </a:extLst>
            </p:cNvPr>
            <p:cNvSpPr/>
            <p:nvPr userDrawn="1"/>
          </p:nvSpPr>
          <p:spPr>
            <a:xfrm>
              <a:off x="8954995" y="918168"/>
              <a:ext cx="1251327" cy="53687"/>
            </a:xfrm>
            <a:custGeom>
              <a:avLst/>
              <a:gdLst>
                <a:gd name="connsiteX0" fmla="*/ 0 w 1251327"/>
                <a:gd name="connsiteY0" fmla="*/ 0 h 53687"/>
                <a:gd name="connsiteX1" fmla="*/ 1251328 w 1251327"/>
                <a:gd name="connsiteY1" fmla="*/ 0 h 53687"/>
                <a:gd name="connsiteX2" fmla="*/ 1251328 w 1251327"/>
                <a:gd name="connsiteY2" fmla="*/ 53687 h 53687"/>
                <a:gd name="connsiteX3" fmla="*/ 0 w 1251327"/>
                <a:gd name="connsiteY3" fmla="*/ 53687 h 53687"/>
                <a:gd name="connsiteX4" fmla="*/ 0 w 1251327"/>
                <a:gd name="connsiteY4" fmla="*/ 0 h 53687"/>
                <a:gd name="connsiteX5" fmla="*/ 0 w 1251327"/>
                <a:gd name="connsiteY5" fmla="*/ 0 h 53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327" h="53687">
                  <a:moveTo>
                    <a:pt x="0" y="0"/>
                  </a:moveTo>
                  <a:lnTo>
                    <a:pt x="1251328" y="0"/>
                  </a:lnTo>
                  <a:lnTo>
                    <a:pt x="1251328" y="53687"/>
                  </a:lnTo>
                  <a:lnTo>
                    <a:pt x="0" y="53687"/>
                  </a:lnTo>
                  <a:lnTo>
                    <a:pt x="0" y="0"/>
                  </a:lnTo>
                  <a:lnTo>
                    <a:pt x="0" y="0"/>
                  </a:lnTo>
                  <a:close/>
                </a:path>
              </a:pathLst>
            </a:custGeom>
            <a:solidFill>
              <a:srgbClr val="0C9ED9"/>
            </a:solidFill>
            <a:ln w="5493"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C9450CCA-1B11-4EC6-9ECC-F3C9BD9AB774}"/>
                </a:ext>
              </a:extLst>
            </p:cNvPr>
            <p:cNvSpPr/>
            <p:nvPr userDrawn="1"/>
          </p:nvSpPr>
          <p:spPr>
            <a:xfrm>
              <a:off x="8954995" y="863548"/>
              <a:ext cx="1251327" cy="54619"/>
            </a:xfrm>
            <a:custGeom>
              <a:avLst/>
              <a:gdLst>
                <a:gd name="connsiteX0" fmla="*/ 0 w 1251327"/>
                <a:gd name="connsiteY0" fmla="*/ 0 h 54619"/>
                <a:gd name="connsiteX1" fmla="*/ 1251328 w 1251327"/>
                <a:gd name="connsiteY1" fmla="*/ 0 h 54619"/>
                <a:gd name="connsiteX2" fmla="*/ 1251328 w 1251327"/>
                <a:gd name="connsiteY2" fmla="*/ 54620 h 54619"/>
                <a:gd name="connsiteX3" fmla="*/ 0 w 1251327"/>
                <a:gd name="connsiteY3" fmla="*/ 54620 h 54619"/>
                <a:gd name="connsiteX4" fmla="*/ 0 w 1251327"/>
                <a:gd name="connsiteY4" fmla="*/ 0 h 54619"/>
                <a:gd name="connsiteX5" fmla="*/ 0 w 1251327"/>
                <a:gd name="connsiteY5" fmla="*/ 0 h 546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327" h="54619">
                  <a:moveTo>
                    <a:pt x="0" y="0"/>
                  </a:moveTo>
                  <a:lnTo>
                    <a:pt x="1251328" y="0"/>
                  </a:lnTo>
                  <a:lnTo>
                    <a:pt x="1251328" y="54620"/>
                  </a:lnTo>
                  <a:lnTo>
                    <a:pt x="0" y="54620"/>
                  </a:lnTo>
                  <a:lnTo>
                    <a:pt x="0" y="0"/>
                  </a:lnTo>
                  <a:lnTo>
                    <a:pt x="0" y="0"/>
                  </a:lnTo>
                  <a:close/>
                </a:path>
              </a:pathLst>
            </a:custGeom>
            <a:solidFill>
              <a:srgbClr val="FFD400"/>
            </a:solidFill>
            <a:ln w="5493" cap="flat">
              <a:noFill/>
              <a:prstDash val="solid"/>
              <a:miter/>
            </a:ln>
          </p:spPr>
          <p:txBody>
            <a:bodyPr rtlCol="0" anchor="ctr"/>
            <a:lstStyle/>
            <a:p>
              <a:endParaRPr lang="en-US"/>
            </a:p>
          </p:txBody>
        </p:sp>
        <p:sp>
          <p:nvSpPr>
            <p:cNvPr id="50" name="Freeform: Shape 49">
              <a:extLst>
                <a:ext uri="{FF2B5EF4-FFF2-40B4-BE49-F238E27FC236}">
                  <a16:creationId xmlns:a16="http://schemas.microsoft.com/office/drawing/2014/main" id="{671E69D5-5CE3-4ACA-80FE-E539B4F70D2F}"/>
                </a:ext>
              </a:extLst>
            </p:cNvPr>
            <p:cNvSpPr/>
            <p:nvPr userDrawn="1"/>
          </p:nvSpPr>
          <p:spPr>
            <a:xfrm>
              <a:off x="8954995" y="972075"/>
              <a:ext cx="1251327" cy="53468"/>
            </a:xfrm>
            <a:custGeom>
              <a:avLst/>
              <a:gdLst>
                <a:gd name="connsiteX0" fmla="*/ 50539 w 1251327"/>
                <a:gd name="connsiteY0" fmla="*/ 53468 h 53468"/>
                <a:gd name="connsiteX1" fmla="*/ 1200789 w 1251327"/>
                <a:gd name="connsiteY1" fmla="*/ 53468 h 53468"/>
                <a:gd name="connsiteX2" fmla="*/ 1251328 w 1251327"/>
                <a:gd name="connsiteY2" fmla="*/ 0 h 53468"/>
                <a:gd name="connsiteX3" fmla="*/ 1251328 w 1251327"/>
                <a:gd name="connsiteY3" fmla="*/ 0 h 53468"/>
                <a:gd name="connsiteX4" fmla="*/ 0 w 1251327"/>
                <a:gd name="connsiteY4" fmla="*/ 0 h 53468"/>
                <a:gd name="connsiteX5" fmla="*/ 0 w 1251327"/>
                <a:gd name="connsiteY5" fmla="*/ 0 h 53468"/>
                <a:gd name="connsiteX6" fmla="*/ 50539 w 1251327"/>
                <a:gd name="connsiteY6" fmla="*/ 53468 h 53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51327" h="53468">
                  <a:moveTo>
                    <a:pt x="50539" y="53468"/>
                  </a:moveTo>
                  <a:lnTo>
                    <a:pt x="1200789" y="53468"/>
                  </a:lnTo>
                  <a:cubicBezTo>
                    <a:pt x="1229146" y="51786"/>
                    <a:pt x="1251291" y="28358"/>
                    <a:pt x="1251328" y="0"/>
                  </a:cubicBezTo>
                  <a:lnTo>
                    <a:pt x="1251328" y="0"/>
                  </a:lnTo>
                  <a:lnTo>
                    <a:pt x="0" y="0"/>
                  </a:lnTo>
                  <a:lnTo>
                    <a:pt x="0" y="0"/>
                  </a:lnTo>
                  <a:cubicBezTo>
                    <a:pt x="37" y="28358"/>
                    <a:pt x="22182" y="51786"/>
                    <a:pt x="50539" y="53468"/>
                  </a:cubicBezTo>
                  <a:close/>
                </a:path>
              </a:pathLst>
            </a:custGeom>
            <a:solidFill>
              <a:srgbClr val="ED1B34"/>
            </a:solidFill>
            <a:ln w="5493" cap="flat">
              <a:noFill/>
              <a:prstDash val="solid"/>
              <a:miter/>
            </a:ln>
          </p:spPr>
          <p:txBody>
            <a:bodyPr rtlCol="0" anchor="ctr"/>
            <a:lstStyle/>
            <a:p>
              <a:endParaRPr lang="en-US"/>
            </a:p>
          </p:txBody>
        </p:sp>
        <p:sp>
          <p:nvSpPr>
            <p:cNvPr id="51" name="Freeform: Shape 50">
              <a:extLst>
                <a:ext uri="{FF2B5EF4-FFF2-40B4-BE49-F238E27FC236}">
                  <a16:creationId xmlns:a16="http://schemas.microsoft.com/office/drawing/2014/main" id="{9D173C82-192F-4420-B3D5-AC1657A05FC3}"/>
                </a:ext>
              </a:extLst>
            </p:cNvPr>
            <p:cNvSpPr/>
            <p:nvPr userDrawn="1"/>
          </p:nvSpPr>
          <p:spPr>
            <a:xfrm>
              <a:off x="8954995" y="332212"/>
              <a:ext cx="1251327" cy="531390"/>
            </a:xfrm>
            <a:custGeom>
              <a:avLst/>
              <a:gdLst>
                <a:gd name="connsiteX0" fmla="*/ 1197548 w 1251327"/>
                <a:gd name="connsiteY0" fmla="*/ 0 h 531390"/>
                <a:gd name="connsiteX1" fmla="*/ 53780 w 1251327"/>
                <a:gd name="connsiteY1" fmla="*/ 0 h 531390"/>
                <a:gd name="connsiteX2" fmla="*/ 0 w 1251327"/>
                <a:gd name="connsiteY2" fmla="*/ 53687 h 531390"/>
                <a:gd name="connsiteX3" fmla="*/ 0 w 1251327"/>
                <a:gd name="connsiteY3" fmla="*/ 53742 h 531390"/>
                <a:gd name="connsiteX4" fmla="*/ 0 w 1251327"/>
                <a:gd name="connsiteY4" fmla="*/ 531391 h 531390"/>
                <a:gd name="connsiteX5" fmla="*/ 1251328 w 1251327"/>
                <a:gd name="connsiteY5" fmla="*/ 531391 h 531390"/>
                <a:gd name="connsiteX6" fmla="*/ 1251328 w 1251327"/>
                <a:gd name="connsiteY6" fmla="*/ 53797 h 531390"/>
                <a:gd name="connsiteX7" fmla="*/ 1197603 w 1251327"/>
                <a:gd name="connsiteY7" fmla="*/ 55 h 531390"/>
                <a:gd name="connsiteX8" fmla="*/ 1197548 w 1251327"/>
                <a:gd name="connsiteY8" fmla="*/ 55 h 531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51327" h="531390">
                  <a:moveTo>
                    <a:pt x="1197548" y="0"/>
                  </a:moveTo>
                  <a:lnTo>
                    <a:pt x="53780" y="0"/>
                  </a:lnTo>
                  <a:cubicBezTo>
                    <a:pt x="24078" y="0"/>
                    <a:pt x="0" y="24037"/>
                    <a:pt x="0" y="53687"/>
                  </a:cubicBezTo>
                  <a:cubicBezTo>
                    <a:pt x="0" y="53706"/>
                    <a:pt x="0" y="53724"/>
                    <a:pt x="0" y="53742"/>
                  </a:cubicBezTo>
                  <a:lnTo>
                    <a:pt x="0" y="531391"/>
                  </a:lnTo>
                  <a:lnTo>
                    <a:pt x="1251328" y="531391"/>
                  </a:lnTo>
                  <a:lnTo>
                    <a:pt x="1251328" y="53797"/>
                  </a:lnTo>
                  <a:cubicBezTo>
                    <a:pt x="1251358" y="24146"/>
                    <a:pt x="1227305" y="85"/>
                    <a:pt x="1197603" y="55"/>
                  </a:cubicBezTo>
                  <a:cubicBezTo>
                    <a:pt x="1197585" y="55"/>
                    <a:pt x="1197566" y="55"/>
                    <a:pt x="1197548" y="55"/>
                  </a:cubicBezTo>
                  <a:close/>
                </a:path>
              </a:pathLst>
            </a:custGeom>
            <a:solidFill>
              <a:srgbClr val="25408F"/>
            </a:solidFill>
            <a:ln w="5493" cap="flat">
              <a:noFill/>
              <a:prstDash val="solid"/>
              <a:miter/>
            </a:ln>
          </p:spPr>
          <p:txBody>
            <a:bodyPr rtlCol="0" anchor="ctr"/>
            <a:lstStyle/>
            <a:p>
              <a:endParaRPr lang="en-US"/>
            </a:p>
          </p:txBody>
        </p:sp>
        <p:sp>
          <p:nvSpPr>
            <p:cNvPr id="52" name="Freeform: Shape 51">
              <a:extLst>
                <a:ext uri="{FF2B5EF4-FFF2-40B4-BE49-F238E27FC236}">
                  <a16:creationId xmlns:a16="http://schemas.microsoft.com/office/drawing/2014/main" id="{2E07AEA4-D186-4813-A88D-0B49F836623B}"/>
                </a:ext>
              </a:extLst>
            </p:cNvPr>
            <p:cNvSpPr/>
            <p:nvPr userDrawn="1"/>
          </p:nvSpPr>
          <p:spPr>
            <a:xfrm>
              <a:off x="9314333" y="575342"/>
              <a:ext cx="143632" cy="142038"/>
            </a:xfrm>
            <a:custGeom>
              <a:avLst/>
              <a:gdLst>
                <a:gd name="connsiteX0" fmla="*/ 121659 w 143632"/>
                <a:gd name="connsiteY0" fmla="*/ 18727 h 142038"/>
                <a:gd name="connsiteX1" fmla="*/ 143632 w 143632"/>
                <a:gd name="connsiteY1" fmla="*/ 69563 h 142038"/>
                <a:gd name="connsiteX2" fmla="*/ 123911 w 143632"/>
                <a:gd name="connsiteY2" fmla="*/ 118809 h 142038"/>
                <a:gd name="connsiteX3" fmla="*/ 69801 w 143632"/>
                <a:gd name="connsiteY3" fmla="*/ 141951 h 142038"/>
                <a:gd name="connsiteX4" fmla="*/ 17560 w 143632"/>
                <a:gd name="connsiteY4" fmla="*/ 118809 h 142038"/>
                <a:gd name="connsiteX5" fmla="*/ 146 w 143632"/>
                <a:gd name="connsiteY5" fmla="*/ 68905 h 142038"/>
                <a:gd name="connsiteX6" fmla="*/ 27173 w 143632"/>
                <a:gd name="connsiteY6" fmla="*/ 15492 h 142038"/>
                <a:gd name="connsiteX7" fmla="*/ 72933 w 143632"/>
                <a:gd name="connsiteY7" fmla="*/ 27 h 142038"/>
                <a:gd name="connsiteX8" fmla="*/ 121659 w 143632"/>
                <a:gd name="connsiteY8" fmla="*/ 19002 h 142038"/>
                <a:gd name="connsiteX9" fmla="*/ 104574 w 143632"/>
                <a:gd name="connsiteY9" fmla="*/ 68905 h 142038"/>
                <a:gd name="connsiteX10" fmla="*/ 71010 w 143632"/>
                <a:gd name="connsiteY10" fmla="*/ 12860 h 142038"/>
                <a:gd name="connsiteX11" fmla="*/ 50740 w 143632"/>
                <a:gd name="connsiteY11" fmla="*/ 21634 h 142038"/>
                <a:gd name="connsiteX12" fmla="*/ 36896 w 143632"/>
                <a:gd name="connsiteY12" fmla="*/ 69837 h 142038"/>
                <a:gd name="connsiteX13" fmla="*/ 46894 w 143632"/>
                <a:gd name="connsiteY13" fmla="*/ 114586 h 142038"/>
                <a:gd name="connsiteX14" fmla="*/ 72328 w 143632"/>
                <a:gd name="connsiteY14" fmla="*/ 128460 h 142038"/>
                <a:gd name="connsiteX15" fmla="*/ 104574 w 143632"/>
                <a:gd name="connsiteY15" fmla="*/ 68905 h 1420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43632" h="142038">
                  <a:moveTo>
                    <a:pt x="121659" y="18727"/>
                  </a:moveTo>
                  <a:cubicBezTo>
                    <a:pt x="135722" y="31902"/>
                    <a:pt x="143679" y="50311"/>
                    <a:pt x="143632" y="69563"/>
                  </a:cubicBezTo>
                  <a:cubicBezTo>
                    <a:pt x="143386" y="87848"/>
                    <a:pt x="136360" y="105394"/>
                    <a:pt x="123911" y="118809"/>
                  </a:cubicBezTo>
                  <a:cubicBezTo>
                    <a:pt x="110046" y="133930"/>
                    <a:pt x="90332" y="142362"/>
                    <a:pt x="69801" y="141951"/>
                  </a:cubicBezTo>
                  <a:cubicBezTo>
                    <a:pt x="49685" y="143009"/>
                    <a:pt x="30272" y="134410"/>
                    <a:pt x="17560" y="118809"/>
                  </a:cubicBezTo>
                  <a:cubicBezTo>
                    <a:pt x="5226" y="105214"/>
                    <a:pt x="-1058" y="87207"/>
                    <a:pt x="146" y="68905"/>
                  </a:cubicBezTo>
                  <a:cubicBezTo>
                    <a:pt x="959" y="48028"/>
                    <a:pt x="10823" y="28534"/>
                    <a:pt x="27173" y="15492"/>
                  </a:cubicBezTo>
                  <a:cubicBezTo>
                    <a:pt x="40088" y="5048"/>
                    <a:pt x="56319" y="-437"/>
                    <a:pt x="72933" y="27"/>
                  </a:cubicBezTo>
                  <a:cubicBezTo>
                    <a:pt x="91050" y="-336"/>
                    <a:pt x="108573" y="6487"/>
                    <a:pt x="121659" y="19002"/>
                  </a:cubicBezTo>
                  <a:moveTo>
                    <a:pt x="104574" y="68905"/>
                  </a:moveTo>
                  <a:cubicBezTo>
                    <a:pt x="104574" y="33479"/>
                    <a:pt x="85897" y="12860"/>
                    <a:pt x="71010" y="12860"/>
                  </a:cubicBezTo>
                  <a:cubicBezTo>
                    <a:pt x="63262" y="12524"/>
                    <a:pt x="55790" y="15759"/>
                    <a:pt x="50740" y="21634"/>
                  </a:cubicBezTo>
                  <a:cubicBezTo>
                    <a:pt x="40742" y="32602"/>
                    <a:pt x="36896" y="46366"/>
                    <a:pt x="36896" y="69837"/>
                  </a:cubicBezTo>
                  <a:cubicBezTo>
                    <a:pt x="36896" y="88538"/>
                    <a:pt x="38160" y="100767"/>
                    <a:pt x="46894" y="114586"/>
                  </a:cubicBezTo>
                  <a:cubicBezTo>
                    <a:pt x="51952" y="123752"/>
                    <a:pt x="61870" y="129162"/>
                    <a:pt x="72328" y="128460"/>
                  </a:cubicBezTo>
                  <a:cubicBezTo>
                    <a:pt x="93588" y="128460"/>
                    <a:pt x="104574" y="101754"/>
                    <a:pt x="104574" y="68905"/>
                  </a:cubicBezTo>
                </a:path>
              </a:pathLst>
            </a:custGeom>
            <a:solidFill>
              <a:srgbClr val="FFFFFF"/>
            </a:solidFill>
            <a:ln w="5493" cap="flat">
              <a:noFill/>
              <a:prstDash val="solid"/>
              <a:miter/>
            </a:ln>
          </p:spPr>
          <p:txBody>
            <a:bodyPr rtlCol="0" anchor="ctr"/>
            <a:lstStyle/>
            <a:p>
              <a:endParaRPr lang="en-US"/>
            </a:p>
          </p:txBody>
        </p:sp>
        <p:sp>
          <p:nvSpPr>
            <p:cNvPr id="53" name="Freeform: Shape 52">
              <a:extLst>
                <a:ext uri="{FF2B5EF4-FFF2-40B4-BE49-F238E27FC236}">
                  <a16:creationId xmlns:a16="http://schemas.microsoft.com/office/drawing/2014/main" id="{55C333C2-E082-4B4E-8012-BEB5A259B88B}"/>
                </a:ext>
              </a:extLst>
            </p:cNvPr>
            <p:cNvSpPr/>
            <p:nvPr userDrawn="1"/>
          </p:nvSpPr>
          <p:spPr>
            <a:xfrm>
              <a:off x="9720666" y="575095"/>
              <a:ext cx="124767" cy="141959"/>
            </a:xfrm>
            <a:custGeom>
              <a:avLst/>
              <a:gdLst>
                <a:gd name="connsiteX0" fmla="*/ 33719 w 124767"/>
                <a:gd name="connsiteY0" fmla="*/ 66629 h 141959"/>
                <a:gd name="connsiteX1" fmla="*/ 75578 w 124767"/>
                <a:gd name="connsiteY1" fmla="*/ 118781 h 141959"/>
                <a:gd name="connsiteX2" fmla="*/ 114636 w 124767"/>
                <a:gd name="connsiteY2" fmla="*/ 100081 h 141959"/>
                <a:gd name="connsiteX3" fmla="*/ 118536 w 124767"/>
                <a:gd name="connsiteY3" fmla="*/ 98491 h 141959"/>
                <a:gd name="connsiteX4" fmla="*/ 123315 w 124767"/>
                <a:gd name="connsiteY4" fmla="*/ 101343 h 141959"/>
                <a:gd name="connsiteX5" fmla="*/ 123315 w 124767"/>
                <a:gd name="connsiteY5" fmla="*/ 107814 h 141959"/>
                <a:gd name="connsiteX6" fmla="*/ 64646 w 124767"/>
                <a:gd name="connsiteY6" fmla="*/ 141923 h 141959"/>
                <a:gd name="connsiteX7" fmla="*/ 18228 w 124767"/>
                <a:gd name="connsiteY7" fmla="*/ 124594 h 141959"/>
                <a:gd name="connsiteX8" fmla="*/ 155 w 124767"/>
                <a:gd name="connsiteY8" fmla="*/ 71455 h 141959"/>
                <a:gd name="connsiteX9" fmla="*/ 15811 w 124767"/>
                <a:gd name="connsiteY9" fmla="*/ 23800 h 141959"/>
                <a:gd name="connsiteX10" fmla="*/ 71898 w 124767"/>
                <a:gd name="connsiteY10" fmla="*/ 0 h 141959"/>
                <a:gd name="connsiteX11" fmla="*/ 120623 w 124767"/>
                <a:gd name="connsiteY11" fmla="*/ 51549 h 141959"/>
                <a:gd name="connsiteX12" fmla="*/ 111559 w 124767"/>
                <a:gd name="connsiteY12" fmla="*/ 56704 h 141959"/>
                <a:gd name="connsiteX13" fmla="*/ 33554 w 124767"/>
                <a:gd name="connsiteY13" fmla="*/ 56704 h 141959"/>
                <a:gd name="connsiteX14" fmla="*/ 33554 w 124767"/>
                <a:gd name="connsiteY14" fmla="*/ 66629 h 141959"/>
                <a:gd name="connsiteX15" fmla="*/ 73710 w 124767"/>
                <a:gd name="connsiteY15" fmla="*/ 45078 h 141959"/>
                <a:gd name="connsiteX16" fmla="*/ 84313 w 124767"/>
                <a:gd name="connsiteY16" fmla="*/ 40581 h 141959"/>
                <a:gd name="connsiteX17" fmla="*/ 64372 w 124767"/>
                <a:gd name="connsiteY17" fmla="*/ 11900 h 141959"/>
                <a:gd name="connsiteX18" fmla="*/ 34708 w 124767"/>
                <a:gd name="connsiteY18" fmla="*/ 45078 h 1419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767" h="141959">
                  <a:moveTo>
                    <a:pt x="33719" y="66629"/>
                  </a:moveTo>
                  <a:cubicBezTo>
                    <a:pt x="33719" y="99533"/>
                    <a:pt x="57230" y="118781"/>
                    <a:pt x="75578" y="118781"/>
                  </a:cubicBezTo>
                  <a:cubicBezTo>
                    <a:pt x="95629" y="118781"/>
                    <a:pt x="107824" y="110336"/>
                    <a:pt x="114636" y="100081"/>
                  </a:cubicBezTo>
                  <a:cubicBezTo>
                    <a:pt x="115954" y="97833"/>
                    <a:pt x="117218" y="97833"/>
                    <a:pt x="118536" y="98491"/>
                  </a:cubicBezTo>
                  <a:lnTo>
                    <a:pt x="123315" y="101343"/>
                  </a:lnTo>
                  <a:cubicBezTo>
                    <a:pt x="124908" y="102330"/>
                    <a:pt x="125567" y="103646"/>
                    <a:pt x="123315" y="107814"/>
                  </a:cubicBezTo>
                  <a:cubicBezTo>
                    <a:pt x="111940" y="129484"/>
                    <a:pt x="89140" y="142739"/>
                    <a:pt x="64646" y="141923"/>
                  </a:cubicBezTo>
                  <a:cubicBezTo>
                    <a:pt x="44046" y="141923"/>
                    <a:pt x="29489" y="137427"/>
                    <a:pt x="18228" y="124594"/>
                  </a:cubicBezTo>
                  <a:cubicBezTo>
                    <a:pt x="3396" y="107485"/>
                    <a:pt x="155" y="91417"/>
                    <a:pt x="155" y="71455"/>
                  </a:cubicBezTo>
                  <a:cubicBezTo>
                    <a:pt x="-1026" y="54143"/>
                    <a:pt x="4589" y="37052"/>
                    <a:pt x="15811" y="23800"/>
                  </a:cubicBezTo>
                  <a:cubicBezTo>
                    <a:pt x="29324" y="6471"/>
                    <a:pt x="43882" y="0"/>
                    <a:pt x="71898" y="0"/>
                  </a:cubicBezTo>
                  <a:cubicBezTo>
                    <a:pt x="108648" y="0"/>
                    <a:pt x="120623" y="38387"/>
                    <a:pt x="120623" y="51549"/>
                  </a:cubicBezTo>
                  <a:cubicBezTo>
                    <a:pt x="120623" y="56320"/>
                    <a:pt x="117382" y="56704"/>
                    <a:pt x="111559" y="56704"/>
                  </a:cubicBezTo>
                  <a:lnTo>
                    <a:pt x="33554" y="56704"/>
                  </a:lnTo>
                  <a:lnTo>
                    <a:pt x="33554" y="66629"/>
                  </a:lnTo>
                  <a:close/>
                  <a:moveTo>
                    <a:pt x="73710" y="45078"/>
                  </a:moveTo>
                  <a:cubicBezTo>
                    <a:pt x="80412" y="45078"/>
                    <a:pt x="84313" y="43158"/>
                    <a:pt x="84313" y="40581"/>
                  </a:cubicBezTo>
                  <a:cubicBezTo>
                    <a:pt x="84313" y="30929"/>
                    <a:pt x="81126" y="11900"/>
                    <a:pt x="64372" y="11900"/>
                  </a:cubicBezTo>
                  <a:cubicBezTo>
                    <a:pt x="48551" y="11900"/>
                    <a:pt x="38828" y="23526"/>
                    <a:pt x="34708" y="45078"/>
                  </a:cubicBezTo>
                  <a:close/>
                </a:path>
              </a:pathLst>
            </a:custGeom>
            <a:solidFill>
              <a:srgbClr val="FFFFFF"/>
            </a:solidFill>
            <a:ln w="5493" cap="flat">
              <a:noFill/>
              <a:prstDash val="solid"/>
              <a:miter/>
            </a:ln>
          </p:spPr>
          <p:txBody>
            <a:bodyPr rtlCol="0" anchor="ctr"/>
            <a:lstStyle/>
            <a:p>
              <a:endParaRPr lang="en-US"/>
            </a:p>
          </p:txBody>
        </p:sp>
        <p:sp>
          <p:nvSpPr>
            <p:cNvPr id="54" name="Freeform: Shape 53">
              <a:extLst>
                <a:ext uri="{FF2B5EF4-FFF2-40B4-BE49-F238E27FC236}">
                  <a16:creationId xmlns:a16="http://schemas.microsoft.com/office/drawing/2014/main" id="{0C6365E7-1055-4427-9DAA-98D5545A729B}"/>
                </a:ext>
              </a:extLst>
            </p:cNvPr>
            <p:cNvSpPr/>
            <p:nvPr userDrawn="1"/>
          </p:nvSpPr>
          <p:spPr>
            <a:xfrm>
              <a:off x="9857495" y="573143"/>
              <a:ext cx="110970" cy="140968"/>
            </a:xfrm>
            <a:custGeom>
              <a:avLst/>
              <a:gdLst>
                <a:gd name="connsiteX0" fmla="*/ 22248 w 110970"/>
                <a:gd name="connsiteY0" fmla="*/ 57339 h 140968"/>
                <a:gd name="connsiteX1" fmla="*/ 9998 w 110970"/>
                <a:gd name="connsiteY1" fmla="*/ 32222 h 140968"/>
                <a:gd name="connsiteX2" fmla="*/ 4505 w 110970"/>
                <a:gd name="connsiteY2" fmla="*/ 28987 h 140968"/>
                <a:gd name="connsiteX3" fmla="*/ 1923 w 110970"/>
                <a:gd name="connsiteY3" fmla="*/ 26409 h 140968"/>
                <a:gd name="connsiteX4" fmla="*/ 1923 w 110970"/>
                <a:gd name="connsiteY4" fmla="*/ 24490 h 140968"/>
                <a:gd name="connsiteX5" fmla="*/ 4505 w 110970"/>
                <a:gd name="connsiteY5" fmla="*/ 21584 h 140968"/>
                <a:gd name="connsiteX6" fmla="*/ 43507 w 110970"/>
                <a:gd name="connsiteY6" fmla="*/ 3213 h 140968"/>
                <a:gd name="connsiteX7" fmla="*/ 48671 w 110970"/>
                <a:gd name="connsiteY7" fmla="*/ 1951 h 140968"/>
                <a:gd name="connsiteX8" fmla="*/ 51582 w 110970"/>
                <a:gd name="connsiteY8" fmla="*/ 5845 h 140968"/>
                <a:gd name="connsiteX9" fmla="*/ 54439 w 110970"/>
                <a:gd name="connsiteY9" fmla="*/ 28987 h 140968"/>
                <a:gd name="connsiteX10" fmla="*/ 55757 w 110970"/>
                <a:gd name="connsiteY10" fmla="*/ 28987 h 140968"/>
                <a:gd name="connsiteX11" fmla="*/ 94211 w 110970"/>
                <a:gd name="connsiteY11" fmla="*/ 32 h 140968"/>
                <a:gd name="connsiteX12" fmla="*/ 110940 w 110970"/>
                <a:gd name="connsiteY12" fmla="*/ 14747 h 140968"/>
                <a:gd name="connsiteX13" fmla="*/ 110965 w 110970"/>
                <a:gd name="connsiteY13" fmla="*/ 16155 h 140968"/>
                <a:gd name="connsiteX14" fmla="*/ 93497 w 110970"/>
                <a:gd name="connsiteY14" fmla="*/ 33264 h 140968"/>
                <a:gd name="connsiteX15" fmla="*/ 82510 w 110970"/>
                <a:gd name="connsiteY15" fmla="*/ 30742 h 140968"/>
                <a:gd name="connsiteX16" fmla="*/ 73501 w 110970"/>
                <a:gd name="connsiteY16" fmla="*/ 28109 h 140968"/>
                <a:gd name="connsiteX17" fmla="*/ 60262 w 110970"/>
                <a:gd name="connsiteY17" fmla="*/ 37706 h 140968"/>
                <a:gd name="connsiteX18" fmla="*/ 56362 w 110970"/>
                <a:gd name="connsiteY18" fmla="*/ 53500 h 140968"/>
                <a:gd name="connsiteX19" fmla="*/ 56362 w 110970"/>
                <a:gd name="connsiteY19" fmla="*/ 115523 h 140968"/>
                <a:gd name="connsiteX20" fmla="*/ 65426 w 110970"/>
                <a:gd name="connsiteY20" fmla="*/ 129013 h 140968"/>
                <a:gd name="connsiteX21" fmla="*/ 79653 w 110970"/>
                <a:gd name="connsiteY21" fmla="*/ 129013 h 140968"/>
                <a:gd name="connsiteX22" fmla="*/ 82180 w 110970"/>
                <a:gd name="connsiteY22" fmla="*/ 131262 h 140968"/>
                <a:gd name="connsiteX23" fmla="*/ 82180 w 110970"/>
                <a:gd name="connsiteY23" fmla="*/ 138720 h 140968"/>
                <a:gd name="connsiteX24" fmla="*/ 79928 w 110970"/>
                <a:gd name="connsiteY24" fmla="*/ 140968 h 140968"/>
                <a:gd name="connsiteX25" fmla="*/ 39937 w 110970"/>
                <a:gd name="connsiteY25" fmla="*/ 139981 h 140968"/>
                <a:gd name="connsiteX26" fmla="*/ 2252 w 110970"/>
                <a:gd name="connsiteY26" fmla="*/ 140968 h 140968"/>
                <a:gd name="connsiteX27" fmla="*/ 0 w 110970"/>
                <a:gd name="connsiteY27" fmla="*/ 138720 h 140968"/>
                <a:gd name="connsiteX28" fmla="*/ 0 w 110970"/>
                <a:gd name="connsiteY28" fmla="*/ 131975 h 140968"/>
                <a:gd name="connsiteX29" fmla="*/ 2857 w 110970"/>
                <a:gd name="connsiteY29" fmla="*/ 129342 h 140968"/>
                <a:gd name="connsiteX30" fmla="*/ 14173 w 110970"/>
                <a:gd name="connsiteY30" fmla="*/ 129342 h 140968"/>
                <a:gd name="connsiteX31" fmla="*/ 22564 w 110970"/>
                <a:gd name="connsiteY31" fmla="*/ 122806 h 140968"/>
                <a:gd name="connsiteX32" fmla="*/ 22523 w 110970"/>
                <a:gd name="connsiteY32" fmla="*/ 120678 h 140968"/>
                <a:gd name="connsiteX33" fmla="*/ 22523 w 110970"/>
                <a:gd name="connsiteY33" fmla="*/ 57339 h 140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10970" h="140968">
                  <a:moveTo>
                    <a:pt x="22248" y="57339"/>
                  </a:moveTo>
                  <a:cubicBezTo>
                    <a:pt x="22248" y="42532"/>
                    <a:pt x="19666" y="37377"/>
                    <a:pt x="9998" y="32222"/>
                  </a:cubicBezTo>
                  <a:lnTo>
                    <a:pt x="4505" y="28987"/>
                  </a:lnTo>
                  <a:cubicBezTo>
                    <a:pt x="2582" y="28329"/>
                    <a:pt x="1923" y="27726"/>
                    <a:pt x="1923" y="26409"/>
                  </a:cubicBezTo>
                  <a:lnTo>
                    <a:pt x="1923" y="24490"/>
                  </a:lnTo>
                  <a:cubicBezTo>
                    <a:pt x="1923" y="23229"/>
                    <a:pt x="2582" y="22571"/>
                    <a:pt x="4505" y="21584"/>
                  </a:cubicBezTo>
                  <a:lnTo>
                    <a:pt x="43507" y="3213"/>
                  </a:lnTo>
                  <a:cubicBezTo>
                    <a:pt x="45145" y="2504"/>
                    <a:pt x="46891" y="2078"/>
                    <a:pt x="48671" y="1951"/>
                  </a:cubicBezTo>
                  <a:cubicBezTo>
                    <a:pt x="50594" y="1951"/>
                    <a:pt x="51198" y="3925"/>
                    <a:pt x="51582" y="5845"/>
                  </a:cubicBezTo>
                  <a:lnTo>
                    <a:pt x="54439" y="28987"/>
                  </a:lnTo>
                  <a:lnTo>
                    <a:pt x="55757" y="28987"/>
                  </a:lnTo>
                  <a:cubicBezTo>
                    <a:pt x="66744" y="11000"/>
                    <a:pt x="80258" y="32"/>
                    <a:pt x="94211" y="32"/>
                  </a:cubicBezTo>
                  <a:cubicBezTo>
                    <a:pt x="102901" y="-516"/>
                    <a:pt x="110390" y="6072"/>
                    <a:pt x="110940" y="14747"/>
                  </a:cubicBezTo>
                  <a:cubicBezTo>
                    <a:pt x="110969" y="15215"/>
                    <a:pt x="110978" y="15685"/>
                    <a:pt x="110965" y="16155"/>
                  </a:cubicBezTo>
                  <a:cubicBezTo>
                    <a:pt x="110218" y="25402"/>
                    <a:pt x="102773" y="32694"/>
                    <a:pt x="93497" y="33264"/>
                  </a:cubicBezTo>
                  <a:cubicBezTo>
                    <a:pt x="89692" y="33251"/>
                    <a:pt x="85938" y="32389"/>
                    <a:pt x="82510" y="30742"/>
                  </a:cubicBezTo>
                  <a:cubicBezTo>
                    <a:pt x="79886" y="28884"/>
                    <a:pt x="76714" y="27957"/>
                    <a:pt x="73501" y="28109"/>
                  </a:cubicBezTo>
                  <a:cubicBezTo>
                    <a:pt x="67729" y="28824"/>
                    <a:pt x="62729" y="32448"/>
                    <a:pt x="60262" y="37706"/>
                  </a:cubicBezTo>
                  <a:cubicBezTo>
                    <a:pt x="57786" y="42610"/>
                    <a:pt x="56452" y="48009"/>
                    <a:pt x="56362" y="53500"/>
                  </a:cubicBezTo>
                  <a:lnTo>
                    <a:pt x="56362" y="115523"/>
                  </a:lnTo>
                  <a:cubicBezTo>
                    <a:pt x="56362" y="125778"/>
                    <a:pt x="58998" y="129013"/>
                    <a:pt x="65426" y="129013"/>
                  </a:cubicBezTo>
                  <a:lnTo>
                    <a:pt x="79653" y="129013"/>
                  </a:lnTo>
                  <a:cubicBezTo>
                    <a:pt x="81521" y="129013"/>
                    <a:pt x="82180" y="129671"/>
                    <a:pt x="82180" y="131262"/>
                  </a:cubicBezTo>
                  <a:lnTo>
                    <a:pt x="82180" y="138720"/>
                  </a:lnTo>
                  <a:cubicBezTo>
                    <a:pt x="82180" y="140310"/>
                    <a:pt x="81521" y="140968"/>
                    <a:pt x="79928" y="140968"/>
                  </a:cubicBezTo>
                  <a:cubicBezTo>
                    <a:pt x="78335" y="140968"/>
                    <a:pt x="63448" y="139981"/>
                    <a:pt x="39937" y="139981"/>
                  </a:cubicBezTo>
                  <a:cubicBezTo>
                    <a:pt x="17414" y="139981"/>
                    <a:pt x="4834" y="140968"/>
                    <a:pt x="2252" y="140968"/>
                  </a:cubicBezTo>
                  <a:cubicBezTo>
                    <a:pt x="604" y="140968"/>
                    <a:pt x="0" y="140310"/>
                    <a:pt x="0" y="138720"/>
                  </a:cubicBezTo>
                  <a:lnTo>
                    <a:pt x="0" y="131975"/>
                  </a:lnTo>
                  <a:cubicBezTo>
                    <a:pt x="0" y="130000"/>
                    <a:pt x="604" y="129342"/>
                    <a:pt x="2857" y="129342"/>
                  </a:cubicBezTo>
                  <a:lnTo>
                    <a:pt x="14173" y="129342"/>
                  </a:lnTo>
                  <a:cubicBezTo>
                    <a:pt x="18298" y="129851"/>
                    <a:pt x="22055" y="126924"/>
                    <a:pt x="22564" y="122806"/>
                  </a:cubicBezTo>
                  <a:cubicBezTo>
                    <a:pt x="22651" y="122099"/>
                    <a:pt x="22638" y="121382"/>
                    <a:pt x="22523" y="120678"/>
                  </a:cubicBezTo>
                  <a:lnTo>
                    <a:pt x="22523" y="57339"/>
                  </a:lnTo>
                  <a:close/>
                </a:path>
              </a:pathLst>
            </a:custGeom>
            <a:solidFill>
              <a:srgbClr val="FFFFFF"/>
            </a:solidFill>
            <a:ln w="5493" cap="flat">
              <a:noFill/>
              <a:prstDash val="solid"/>
              <a:miter/>
            </a:ln>
          </p:spPr>
          <p:txBody>
            <a:bodyPr rtlCol="0" anchor="ctr"/>
            <a:lstStyle/>
            <a:p>
              <a:endParaRPr lang="en-US"/>
            </a:p>
          </p:txBody>
        </p:sp>
        <p:sp>
          <p:nvSpPr>
            <p:cNvPr id="55" name="Freeform: Shape 54">
              <a:extLst>
                <a:ext uri="{FF2B5EF4-FFF2-40B4-BE49-F238E27FC236}">
                  <a16:creationId xmlns:a16="http://schemas.microsoft.com/office/drawing/2014/main" id="{1AA59D5B-6712-49E8-A252-99710BBFC0EF}"/>
                </a:ext>
              </a:extLst>
            </p:cNvPr>
            <p:cNvSpPr/>
            <p:nvPr userDrawn="1"/>
          </p:nvSpPr>
          <p:spPr>
            <a:xfrm>
              <a:off x="9978059" y="575050"/>
              <a:ext cx="96789" cy="141230"/>
            </a:xfrm>
            <a:custGeom>
              <a:avLst/>
              <a:gdLst>
                <a:gd name="connsiteX0" fmla="*/ 124 w 96789"/>
                <a:gd name="connsiteY0" fmla="*/ 97603 h 141230"/>
                <a:gd name="connsiteX1" fmla="*/ 1058 w 96789"/>
                <a:gd name="connsiteY1" fmla="*/ 94971 h 141230"/>
                <a:gd name="connsiteX2" fmla="*/ 7156 w 96789"/>
                <a:gd name="connsiteY2" fmla="*/ 93106 h 141230"/>
                <a:gd name="connsiteX3" fmla="*/ 10067 w 96789"/>
                <a:gd name="connsiteY3" fmla="*/ 94038 h 141230"/>
                <a:gd name="connsiteX4" fmla="*/ 20724 w 96789"/>
                <a:gd name="connsiteY4" fmla="*/ 112081 h 141230"/>
                <a:gd name="connsiteX5" fmla="*/ 48466 w 96789"/>
                <a:gd name="connsiteY5" fmla="*/ 129410 h 141230"/>
                <a:gd name="connsiteX6" fmla="*/ 71318 w 96789"/>
                <a:gd name="connsiteY6" fmla="*/ 109777 h 141230"/>
                <a:gd name="connsiteX7" fmla="*/ 40391 w 96789"/>
                <a:gd name="connsiteY7" fmla="*/ 84716 h 141230"/>
                <a:gd name="connsiteX8" fmla="*/ 1058 w 96789"/>
                <a:gd name="connsiteY8" fmla="*/ 44464 h 141230"/>
                <a:gd name="connsiteX9" fmla="*/ 17538 w 96789"/>
                <a:gd name="connsiteY9" fmla="*/ 10683 h 141230"/>
                <a:gd name="connsiteX10" fmla="*/ 51103 w 96789"/>
                <a:gd name="connsiteY10" fmla="*/ 44 h 141230"/>
                <a:gd name="connsiteX11" fmla="*/ 82525 w 96789"/>
                <a:gd name="connsiteY11" fmla="*/ 7119 h 141230"/>
                <a:gd name="connsiteX12" fmla="*/ 88622 w 96789"/>
                <a:gd name="connsiteY12" fmla="*/ 12602 h 141230"/>
                <a:gd name="connsiteX13" fmla="*/ 92852 w 96789"/>
                <a:gd name="connsiteY13" fmla="*/ 34538 h 141230"/>
                <a:gd name="connsiteX14" fmla="*/ 92522 w 96789"/>
                <a:gd name="connsiteY14" fmla="*/ 38103 h 141230"/>
                <a:gd name="connsiteX15" fmla="*/ 86370 w 96789"/>
                <a:gd name="connsiteY15" fmla="*/ 40954 h 141230"/>
                <a:gd name="connsiteX16" fmla="*/ 83866 w 96789"/>
                <a:gd name="connsiteY16" fmla="*/ 39711 h 141230"/>
                <a:gd name="connsiteX17" fmla="*/ 83843 w 96789"/>
                <a:gd name="connsiteY17" fmla="*/ 39638 h 141230"/>
                <a:gd name="connsiteX18" fmla="*/ 68297 w 96789"/>
                <a:gd name="connsiteY18" fmla="*/ 22309 h 141230"/>
                <a:gd name="connsiteX19" fmla="*/ 48026 w 96789"/>
                <a:gd name="connsiteY19" fmla="*/ 12383 h 141230"/>
                <a:gd name="connsiteX20" fmla="*/ 25778 w 96789"/>
                <a:gd name="connsiteY20" fmla="*/ 30699 h 141230"/>
                <a:gd name="connsiteX21" fmla="*/ 54783 w 96789"/>
                <a:gd name="connsiteY21" fmla="*/ 52635 h 141230"/>
                <a:gd name="connsiteX22" fmla="*/ 87029 w 96789"/>
                <a:gd name="connsiteY22" fmla="*/ 69087 h 141230"/>
                <a:gd name="connsiteX23" fmla="*/ 96697 w 96789"/>
                <a:gd name="connsiteY23" fmla="*/ 94916 h 141230"/>
                <a:gd name="connsiteX24" fmla="*/ 42918 w 96789"/>
                <a:gd name="connsiteY24" fmla="*/ 141200 h 141230"/>
                <a:gd name="connsiteX25" fmla="*/ 8035 w 96789"/>
                <a:gd name="connsiteY25" fmla="*/ 132865 h 141230"/>
                <a:gd name="connsiteX26" fmla="*/ 5618 w 96789"/>
                <a:gd name="connsiteY26" fmla="*/ 130068 h 141230"/>
                <a:gd name="connsiteX27" fmla="*/ 124 w 96789"/>
                <a:gd name="connsiteY27" fmla="*/ 97603 h 141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6789" h="141230">
                  <a:moveTo>
                    <a:pt x="124" y="97603"/>
                  </a:moveTo>
                  <a:cubicBezTo>
                    <a:pt x="-205" y="96287"/>
                    <a:pt x="124" y="95300"/>
                    <a:pt x="1058" y="94971"/>
                  </a:cubicBezTo>
                  <a:lnTo>
                    <a:pt x="7156" y="93106"/>
                  </a:lnTo>
                  <a:cubicBezTo>
                    <a:pt x="8474" y="92777"/>
                    <a:pt x="9408" y="92777"/>
                    <a:pt x="10067" y="94038"/>
                  </a:cubicBezTo>
                  <a:lnTo>
                    <a:pt x="20724" y="112081"/>
                  </a:lnTo>
                  <a:cubicBezTo>
                    <a:pt x="26547" y="121787"/>
                    <a:pt x="32645" y="129410"/>
                    <a:pt x="48466" y="129410"/>
                  </a:cubicBezTo>
                  <a:cubicBezTo>
                    <a:pt x="61046" y="129410"/>
                    <a:pt x="71318" y="121787"/>
                    <a:pt x="71318" y="109777"/>
                  </a:cubicBezTo>
                  <a:cubicBezTo>
                    <a:pt x="71318" y="96890"/>
                    <a:pt x="62968" y="91077"/>
                    <a:pt x="40391" y="84716"/>
                  </a:cubicBezTo>
                  <a:cubicBezTo>
                    <a:pt x="17813" y="78355"/>
                    <a:pt x="1058" y="67332"/>
                    <a:pt x="1058" y="44464"/>
                  </a:cubicBezTo>
                  <a:cubicBezTo>
                    <a:pt x="438" y="31138"/>
                    <a:pt x="6646" y="18412"/>
                    <a:pt x="17538" y="10683"/>
                  </a:cubicBezTo>
                  <a:cubicBezTo>
                    <a:pt x="27195" y="3442"/>
                    <a:pt x="39030" y="-309"/>
                    <a:pt x="51103" y="44"/>
                  </a:cubicBezTo>
                  <a:cubicBezTo>
                    <a:pt x="62015" y="-365"/>
                    <a:pt x="72845" y="2073"/>
                    <a:pt x="82525" y="7119"/>
                  </a:cubicBezTo>
                  <a:cubicBezTo>
                    <a:pt x="87359" y="9696"/>
                    <a:pt x="88293" y="11012"/>
                    <a:pt x="88622" y="12602"/>
                  </a:cubicBezTo>
                  <a:lnTo>
                    <a:pt x="92852" y="34538"/>
                  </a:lnTo>
                  <a:cubicBezTo>
                    <a:pt x="93216" y="35723"/>
                    <a:pt x="93097" y="37004"/>
                    <a:pt x="92522" y="38103"/>
                  </a:cubicBezTo>
                  <a:lnTo>
                    <a:pt x="86370" y="40954"/>
                  </a:lnTo>
                  <a:cubicBezTo>
                    <a:pt x="85334" y="41301"/>
                    <a:pt x="84213" y="40744"/>
                    <a:pt x="83866" y="39711"/>
                  </a:cubicBezTo>
                  <a:cubicBezTo>
                    <a:pt x="83858" y="39687"/>
                    <a:pt x="83850" y="39662"/>
                    <a:pt x="83843" y="39638"/>
                  </a:cubicBezTo>
                  <a:lnTo>
                    <a:pt x="68297" y="22309"/>
                  </a:lnTo>
                  <a:cubicBezTo>
                    <a:pt x="63398" y="16102"/>
                    <a:pt x="55942" y="12451"/>
                    <a:pt x="48026" y="12383"/>
                  </a:cubicBezTo>
                  <a:cubicBezTo>
                    <a:pt x="36106" y="12383"/>
                    <a:pt x="25778" y="19403"/>
                    <a:pt x="25778" y="30699"/>
                  </a:cubicBezTo>
                  <a:cubicBezTo>
                    <a:pt x="25778" y="43861"/>
                    <a:pt x="35447" y="47809"/>
                    <a:pt x="54783" y="52635"/>
                  </a:cubicBezTo>
                  <a:cubicBezTo>
                    <a:pt x="69670" y="56474"/>
                    <a:pt x="78679" y="60367"/>
                    <a:pt x="87029" y="69087"/>
                  </a:cubicBezTo>
                  <a:cubicBezTo>
                    <a:pt x="93884" y="75868"/>
                    <a:pt x="97418" y="85308"/>
                    <a:pt x="96697" y="94916"/>
                  </a:cubicBezTo>
                  <a:cubicBezTo>
                    <a:pt x="96697" y="121897"/>
                    <a:pt x="74724" y="141200"/>
                    <a:pt x="42918" y="141200"/>
                  </a:cubicBezTo>
                  <a:cubicBezTo>
                    <a:pt x="30755" y="141561"/>
                    <a:pt x="18715" y="138684"/>
                    <a:pt x="8035" y="132865"/>
                  </a:cubicBezTo>
                  <a:cubicBezTo>
                    <a:pt x="7052" y="132100"/>
                    <a:pt x="6231" y="131150"/>
                    <a:pt x="5618" y="130068"/>
                  </a:cubicBezTo>
                  <a:lnTo>
                    <a:pt x="124" y="97603"/>
                  </a:lnTo>
                  <a:close/>
                </a:path>
              </a:pathLst>
            </a:custGeom>
            <a:solidFill>
              <a:srgbClr val="FFFFFF"/>
            </a:solidFill>
            <a:ln w="5493" cap="flat">
              <a:noFill/>
              <a:prstDash val="solid"/>
              <a:miter/>
            </a:ln>
          </p:spPr>
          <p:txBody>
            <a:bodyPr rtlCol="0" anchor="ctr"/>
            <a:lstStyle/>
            <a:p>
              <a:endParaRPr lang="en-US"/>
            </a:p>
          </p:txBody>
        </p:sp>
        <p:sp>
          <p:nvSpPr>
            <p:cNvPr id="56" name="Freeform: Shape 55">
              <a:extLst>
                <a:ext uri="{FF2B5EF4-FFF2-40B4-BE49-F238E27FC236}">
                  <a16:creationId xmlns:a16="http://schemas.microsoft.com/office/drawing/2014/main" id="{7FFDF8DA-D2C7-4614-943B-E63755D84707}"/>
                </a:ext>
              </a:extLst>
            </p:cNvPr>
            <p:cNvSpPr/>
            <p:nvPr userDrawn="1"/>
          </p:nvSpPr>
          <p:spPr>
            <a:xfrm>
              <a:off x="9462524" y="480497"/>
              <a:ext cx="247804" cy="233669"/>
            </a:xfrm>
            <a:custGeom>
              <a:avLst/>
              <a:gdLst>
                <a:gd name="connsiteX0" fmla="*/ 244618 w 247804"/>
                <a:gd name="connsiteY0" fmla="*/ 221714 h 233669"/>
                <a:gd name="connsiteX1" fmla="*/ 231709 w 247804"/>
                <a:gd name="connsiteY1" fmla="*/ 221714 h 233669"/>
                <a:gd name="connsiteX2" fmla="*/ 226545 w 247804"/>
                <a:gd name="connsiteY2" fmla="*/ 213379 h 233669"/>
                <a:gd name="connsiteX3" fmla="*/ 225886 w 247804"/>
                <a:gd name="connsiteY3" fmla="*/ 185630 h 233669"/>
                <a:gd name="connsiteX4" fmla="*/ 225886 w 247804"/>
                <a:gd name="connsiteY4" fmla="*/ 150917 h 233669"/>
                <a:gd name="connsiteX5" fmla="*/ 226545 w 247804"/>
                <a:gd name="connsiteY5" fmla="*/ 98491 h 233669"/>
                <a:gd name="connsiteX6" fmla="*/ 223963 w 247804"/>
                <a:gd name="connsiteY6" fmla="*/ 94597 h 233669"/>
                <a:gd name="connsiteX7" fmla="*/ 216218 w 247804"/>
                <a:gd name="connsiteY7" fmla="*/ 96572 h 233669"/>
                <a:gd name="connsiteX8" fmla="*/ 174304 w 247804"/>
                <a:gd name="connsiteY8" fmla="*/ 111981 h 233669"/>
                <a:gd name="connsiteX9" fmla="*/ 172051 w 247804"/>
                <a:gd name="connsiteY9" fmla="*/ 114559 h 233669"/>
                <a:gd name="connsiteX10" fmla="*/ 172051 w 247804"/>
                <a:gd name="connsiteY10" fmla="*/ 118123 h 233669"/>
                <a:gd name="connsiteX11" fmla="*/ 175238 w 247804"/>
                <a:gd name="connsiteY11" fmla="*/ 120975 h 233669"/>
                <a:gd name="connsiteX12" fmla="*/ 192047 w 247804"/>
                <a:gd name="connsiteY12" fmla="*/ 140936 h 233669"/>
                <a:gd name="connsiteX13" fmla="*/ 192047 w 247804"/>
                <a:gd name="connsiteY13" fmla="*/ 186233 h 233669"/>
                <a:gd name="connsiteX14" fmla="*/ 191388 w 247804"/>
                <a:gd name="connsiteY14" fmla="*/ 215188 h 233669"/>
                <a:gd name="connsiteX15" fmla="*/ 186224 w 247804"/>
                <a:gd name="connsiteY15" fmla="*/ 221605 h 233669"/>
                <a:gd name="connsiteX16" fmla="*/ 170294 w 247804"/>
                <a:gd name="connsiteY16" fmla="*/ 222098 h 233669"/>
                <a:gd name="connsiteX17" fmla="*/ 152880 w 247804"/>
                <a:gd name="connsiteY17" fmla="*/ 221605 h 233669"/>
                <a:gd name="connsiteX18" fmla="*/ 144530 w 247804"/>
                <a:gd name="connsiteY18" fmla="*/ 211295 h 233669"/>
                <a:gd name="connsiteX19" fmla="*/ 143871 w 247804"/>
                <a:gd name="connsiteY19" fmla="*/ 154043 h 233669"/>
                <a:gd name="connsiteX20" fmla="*/ 143871 w 247804"/>
                <a:gd name="connsiteY20" fmla="*/ 107759 h 233669"/>
                <a:gd name="connsiteX21" fmla="*/ 145189 w 247804"/>
                <a:gd name="connsiteY21" fmla="*/ 5813 h 233669"/>
                <a:gd name="connsiteX22" fmla="*/ 141948 w 247804"/>
                <a:gd name="connsiteY22" fmla="*/ 0 h 233669"/>
                <a:gd name="connsiteX23" fmla="*/ 134861 w 247804"/>
                <a:gd name="connsiteY23" fmla="*/ 1919 h 233669"/>
                <a:gd name="connsiteX24" fmla="*/ 86520 w 247804"/>
                <a:gd name="connsiteY24" fmla="*/ 20619 h 233669"/>
                <a:gd name="connsiteX25" fmla="*/ 83938 w 247804"/>
                <a:gd name="connsiteY25" fmla="*/ 23142 h 233669"/>
                <a:gd name="connsiteX26" fmla="*/ 83938 w 247804"/>
                <a:gd name="connsiteY26" fmla="*/ 27200 h 233669"/>
                <a:gd name="connsiteX27" fmla="*/ 85861 w 247804"/>
                <a:gd name="connsiteY27" fmla="*/ 29887 h 233669"/>
                <a:gd name="connsiteX28" fmla="*/ 92288 w 247804"/>
                <a:gd name="connsiteY28" fmla="*/ 31752 h 233669"/>
                <a:gd name="connsiteX29" fmla="*/ 108768 w 247804"/>
                <a:gd name="connsiteY29" fmla="*/ 51055 h 233669"/>
                <a:gd name="connsiteX30" fmla="*/ 110087 w 247804"/>
                <a:gd name="connsiteY30" fmla="*/ 109623 h 233669"/>
                <a:gd name="connsiteX31" fmla="*/ 110087 w 247804"/>
                <a:gd name="connsiteY31" fmla="*/ 210198 h 233669"/>
                <a:gd name="connsiteX32" fmla="*/ 102011 w 247804"/>
                <a:gd name="connsiteY32" fmla="*/ 221714 h 233669"/>
                <a:gd name="connsiteX33" fmla="*/ 85531 w 247804"/>
                <a:gd name="connsiteY33" fmla="*/ 222208 h 233669"/>
                <a:gd name="connsiteX34" fmla="*/ 69051 w 247804"/>
                <a:gd name="connsiteY34" fmla="*/ 221714 h 233669"/>
                <a:gd name="connsiteX35" fmla="*/ 60646 w 247804"/>
                <a:gd name="connsiteY35" fmla="*/ 211405 h 233669"/>
                <a:gd name="connsiteX36" fmla="*/ 59987 w 247804"/>
                <a:gd name="connsiteY36" fmla="*/ 154153 h 233669"/>
                <a:gd name="connsiteX37" fmla="*/ 59987 w 247804"/>
                <a:gd name="connsiteY37" fmla="*/ 107759 h 233669"/>
                <a:gd name="connsiteX38" fmla="*/ 61251 w 247804"/>
                <a:gd name="connsiteY38" fmla="*/ 5813 h 233669"/>
                <a:gd name="connsiteX39" fmla="*/ 58065 w 247804"/>
                <a:gd name="connsiteY39" fmla="*/ 0 h 233669"/>
                <a:gd name="connsiteX40" fmla="*/ 50978 w 247804"/>
                <a:gd name="connsiteY40" fmla="*/ 1919 h 233669"/>
                <a:gd name="connsiteX41" fmla="*/ 2637 w 247804"/>
                <a:gd name="connsiteY41" fmla="*/ 20619 h 233669"/>
                <a:gd name="connsiteX42" fmla="*/ 0 w 247804"/>
                <a:gd name="connsiteY42" fmla="*/ 23142 h 233669"/>
                <a:gd name="connsiteX43" fmla="*/ 0 w 247804"/>
                <a:gd name="connsiteY43" fmla="*/ 27200 h 233669"/>
                <a:gd name="connsiteX44" fmla="*/ 1978 w 247804"/>
                <a:gd name="connsiteY44" fmla="*/ 29887 h 233669"/>
                <a:gd name="connsiteX45" fmla="*/ 8405 w 247804"/>
                <a:gd name="connsiteY45" fmla="*/ 31752 h 233669"/>
                <a:gd name="connsiteX46" fmla="*/ 24885 w 247804"/>
                <a:gd name="connsiteY46" fmla="*/ 51055 h 233669"/>
                <a:gd name="connsiteX47" fmla="*/ 26203 w 247804"/>
                <a:gd name="connsiteY47" fmla="*/ 109623 h 233669"/>
                <a:gd name="connsiteX48" fmla="*/ 26203 w 247804"/>
                <a:gd name="connsiteY48" fmla="*/ 210198 h 233669"/>
                <a:gd name="connsiteX49" fmla="*/ 18128 w 247804"/>
                <a:gd name="connsiteY49" fmla="*/ 221714 h 233669"/>
                <a:gd name="connsiteX50" fmla="*/ 5658 w 247804"/>
                <a:gd name="connsiteY50" fmla="*/ 221714 h 233669"/>
                <a:gd name="connsiteX51" fmla="*/ 1154 w 247804"/>
                <a:gd name="connsiteY51" fmla="*/ 224347 h 233669"/>
                <a:gd name="connsiteX52" fmla="*/ 1154 w 247804"/>
                <a:gd name="connsiteY52" fmla="*/ 230434 h 233669"/>
                <a:gd name="connsiteX53" fmla="*/ 3735 w 247804"/>
                <a:gd name="connsiteY53" fmla="*/ 233669 h 233669"/>
                <a:gd name="connsiteX54" fmla="*/ 127610 w 247804"/>
                <a:gd name="connsiteY54" fmla="*/ 233066 h 233669"/>
                <a:gd name="connsiteX55" fmla="*/ 245223 w 247804"/>
                <a:gd name="connsiteY55" fmla="*/ 233669 h 233669"/>
                <a:gd name="connsiteX56" fmla="*/ 247805 w 247804"/>
                <a:gd name="connsiteY56" fmla="*/ 230434 h 233669"/>
                <a:gd name="connsiteX57" fmla="*/ 247805 w 247804"/>
                <a:gd name="connsiteY57" fmla="*/ 223963 h 233669"/>
                <a:gd name="connsiteX58" fmla="*/ 244618 w 247804"/>
                <a:gd name="connsiteY58" fmla="*/ 221714 h 233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47804" h="233669">
                  <a:moveTo>
                    <a:pt x="244618" y="221714"/>
                  </a:moveTo>
                  <a:lnTo>
                    <a:pt x="231709" y="221714"/>
                  </a:lnTo>
                  <a:cubicBezTo>
                    <a:pt x="228468" y="221714"/>
                    <a:pt x="227150" y="219192"/>
                    <a:pt x="226545" y="213379"/>
                  </a:cubicBezTo>
                  <a:cubicBezTo>
                    <a:pt x="225886" y="209485"/>
                    <a:pt x="225886" y="197859"/>
                    <a:pt x="225886" y="185630"/>
                  </a:cubicBezTo>
                  <a:lnTo>
                    <a:pt x="225886" y="150917"/>
                  </a:lnTo>
                  <a:cubicBezTo>
                    <a:pt x="225886" y="124210"/>
                    <a:pt x="225886" y="103646"/>
                    <a:pt x="226545" y="98491"/>
                  </a:cubicBezTo>
                  <a:cubicBezTo>
                    <a:pt x="226875" y="95859"/>
                    <a:pt x="225886" y="94597"/>
                    <a:pt x="223963" y="94597"/>
                  </a:cubicBezTo>
                  <a:cubicBezTo>
                    <a:pt x="221282" y="94777"/>
                    <a:pt x="218657" y="95446"/>
                    <a:pt x="216218" y="96572"/>
                  </a:cubicBezTo>
                  <a:cubicBezTo>
                    <a:pt x="210725" y="98765"/>
                    <a:pt x="178808" y="110062"/>
                    <a:pt x="174304" y="111981"/>
                  </a:cubicBezTo>
                  <a:cubicBezTo>
                    <a:pt x="172656" y="112639"/>
                    <a:pt x="172051" y="113297"/>
                    <a:pt x="172051" y="114559"/>
                  </a:cubicBezTo>
                  <a:lnTo>
                    <a:pt x="172051" y="118123"/>
                  </a:lnTo>
                  <a:cubicBezTo>
                    <a:pt x="172051" y="119385"/>
                    <a:pt x="172051" y="120372"/>
                    <a:pt x="175238" y="120975"/>
                  </a:cubicBezTo>
                  <a:cubicBezTo>
                    <a:pt x="190125" y="124869"/>
                    <a:pt x="192047" y="131285"/>
                    <a:pt x="192047" y="140936"/>
                  </a:cubicBezTo>
                  <a:lnTo>
                    <a:pt x="192047" y="186233"/>
                  </a:lnTo>
                  <a:cubicBezTo>
                    <a:pt x="192047" y="195227"/>
                    <a:pt x="191718" y="205537"/>
                    <a:pt x="191388" y="215188"/>
                  </a:cubicBezTo>
                  <a:cubicBezTo>
                    <a:pt x="191058" y="220672"/>
                    <a:pt x="189465" y="221605"/>
                    <a:pt x="186224" y="221605"/>
                  </a:cubicBezTo>
                  <a:cubicBezTo>
                    <a:pt x="180931" y="222127"/>
                    <a:pt x="175609" y="222291"/>
                    <a:pt x="170294" y="222098"/>
                  </a:cubicBezTo>
                  <a:cubicBezTo>
                    <a:pt x="164484" y="222235"/>
                    <a:pt x="158672" y="222070"/>
                    <a:pt x="152880" y="221605"/>
                  </a:cubicBezTo>
                  <a:cubicBezTo>
                    <a:pt x="145793" y="221605"/>
                    <a:pt x="145189" y="217108"/>
                    <a:pt x="144530" y="211295"/>
                  </a:cubicBezTo>
                  <a:cubicBezTo>
                    <a:pt x="143871" y="201643"/>
                    <a:pt x="143871" y="168850"/>
                    <a:pt x="143871" y="154043"/>
                  </a:cubicBezTo>
                  <a:lnTo>
                    <a:pt x="143871" y="107759"/>
                  </a:lnTo>
                  <a:cubicBezTo>
                    <a:pt x="143871" y="90101"/>
                    <a:pt x="144530" y="23142"/>
                    <a:pt x="145189" y="5813"/>
                  </a:cubicBezTo>
                  <a:cubicBezTo>
                    <a:pt x="145189" y="1316"/>
                    <a:pt x="143871" y="0"/>
                    <a:pt x="141948" y="0"/>
                  </a:cubicBezTo>
                  <a:cubicBezTo>
                    <a:pt x="139510" y="320"/>
                    <a:pt x="137127" y="966"/>
                    <a:pt x="134861" y="1919"/>
                  </a:cubicBezTo>
                  <a:cubicBezTo>
                    <a:pt x="124534" y="8336"/>
                    <a:pt x="99375" y="16726"/>
                    <a:pt x="86520" y="20619"/>
                  </a:cubicBezTo>
                  <a:cubicBezTo>
                    <a:pt x="84542" y="21223"/>
                    <a:pt x="83938" y="22484"/>
                    <a:pt x="83938" y="23142"/>
                  </a:cubicBezTo>
                  <a:lnTo>
                    <a:pt x="83938" y="27200"/>
                  </a:lnTo>
                  <a:cubicBezTo>
                    <a:pt x="83938" y="28571"/>
                    <a:pt x="83938" y="29174"/>
                    <a:pt x="85861" y="29887"/>
                  </a:cubicBezTo>
                  <a:lnTo>
                    <a:pt x="92288" y="31752"/>
                  </a:lnTo>
                  <a:cubicBezTo>
                    <a:pt x="102616" y="34987"/>
                    <a:pt x="108109" y="40142"/>
                    <a:pt x="108768" y="51055"/>
                  </a:cubicBezTo>
                  <a:cubicBezTo>
                    <a:pt x="109427" y="59446"/>
                    <a:pt x="110087" y="87084"/>
                    <a:pt x="110087" y="109623"/>
                  </a:cubicBezTo>
                  <a:lnTo>
                    <a:pt x="110087" y="210198"/>
                  </a:lnTo>
                  <a:cubicBezTo>
                    <a:pt x="110087" y="219192"/>
                    <a:pt x="105197" y="221714"/>
                    <a:pt x="102011" y="221714"/>
                  </a:cubicBezTo>
                  <a:cubicBezTo>
                    <a:pt x="102011" y="221714"/>
                    <a:pt x="97177" y="222208"/>
                    <a:pt x="85531" y="222208"/>
                  </a:cubicBezTo>
                  <a:cubicBezTo>
                    <a:pt x="73885" y="222208"/>
                    <a:pt x="69051" y="221714"/>
                    <a:pt x="69051" y="221714"/>
                  </a:cubicBezTo>
                  <a:cubicBezTo>
                    <a:pt x="61910" y="221714"/>
                    <a:pt x="61251" y="217218"/>
                    <a:pt x="60646" y="211405"/>
                  </a:cubicBezTo>
                  <a:cubicBezTo>
                    <a:pt x="59987" y="201753"/>
                    <a:pt x="59987" y="168959"/>
                    <a:pt x="59987" y="154153"/>
                  </a:cubicBezTo>
                  <a:lnTo>
                    <a:pt x="59987" y="107759"/>
                  </a:lnTo>
                  <a:cubicBezTo>
                    <a:pt x="59987" y="90101"/>
                    <a:pt x="60646" y="23142"/>
                    <a:pt x="61251" y="5813"/>
                  </a:cubicBezTo>
                  <a:cubicBezTo>
                    <a:pt x="61251" y="1316"/>
                    <a:pt x="59987" y="0"/>
                    <a:pt x="58065" y="0"/>
                  </a:cubicBezTo>
                  <a:cubicBezTo>
                    <a:pt x="55629" y="330"/>
                    <a:pt x="53247" y="976"/>
                    <a:pt x="50978" y="1919"/>
                  </a:cubicBezTo>
                  <a:cubicBezTo>
                    <a:pt x="40651" y="8336"/>
                    <a:pt x="15546" y="16726"/>
                    <a:pt x="2637" y="20619"/>
                  </a:cubicBezTo>
                  <a:cubicBezTo>
                    <a:pt x="659" y="21223"/>
                    <a:pt x="0" y="22484"/>
                    <a:pt x="0" y="23142"/>
                  </a:cubicBezTo>
                  <a:lnTo>
                    <a:pt x="0" y="27200"/>
                  </a:lnTo>
                  <a:cubicBezTo>
                    <a:pt x="0" y="28571"/>
                    <a:pt x="0" y="29174"/>
                    <a:pt x="1978" y="29887"/>
                  </a:cubicBezTo>
                  <a:lnTo>
                    <a:pt x="8405" y="31752"/>
                  </a:lnTo>
                  <a:cubicBezTo>
                    <a:pt x="18732" y="34987"/>
                    <a:pt x="24171" y="40142"/>
                    <a:pt x="24885" y="51055"/>
                  </a:cubicBezTo>
                  <a:cubicBezTo>
                    <a:pt x="25599" y="59446"/>
                    <a:pt x="26203" y="87084"/>
                    <a:pt x="26203" y="109623"/>
                  </a:cubicBezTo>
                  <a:lnTo>
                    <a:pt x="26203" y="210198"/>
                  </a:lnTo>
                  <a:cubicBezTo>
                    <a:pt x="26203" y="219192"/>
                    <a:pt x="21369" y="221714"/>
                    <a:pt x="18128" y="221714"/>
                  </a:cubicBezTo>
                  <a:lnTo>
                    <a:pt x="5658" y="221714"/>
                  </a:lnTo>
                  <a:cubicBezTo>
                    <a:pt x="1813" y="221714"/>
                    <a:pt x="1154" y="222372"/>
                    <a:pt x="1154" y="224347"/>
                  </a:cubicBezTo>
                  <a:lnTo>
                    <a:pt x="1154" y="230434"/>
                  </a:lnTo>
                  <a:cubicBezTo>
                    <a:pt x="1154" y="232353"/>
                    <a:pt x="1813" y="233669"/>
                    <a:pt x="3735" y="233669"/>
                  </a:cubicBezTo>
                  <a:cubicBezTo>
                    <a:pt x="5658" y="233669"/>
                    <a:pt x="66854" y="233066"/>
                    <a:pt x="127610" y="233066"/>
                  </a:cubicBezTo>
                  <a:cubicBezTo>
                    <a:pt x="186279" y="233066"/>
                    <a:pt x="243959" y="233669"/>
                    <a:pt x="245223" y="233669"/>
                  </a:cubicBezTo>
                  <a:cubicBezTo>
                    <a:pt x="246486" y="233669"/>
                    <a:pt x="247805" y="232353"/>
                    <a:pt x="247805" y="230434"/>
                  </a:cubicBezTo>
                  <a:lnTo>
                    <a:pt x="247805" y="223963"/>
                  </a:lnTo>
                  <a:cubicBezTo>
                    <a:pt x="247805" y="222372"/>
                    <a:pt x="247200" y="221714"/>
                    <a:pt x="244618" y="221714"/>
                  </a:cubicBezTo>
                </a:path>
              </a:pathLst>
            </a:custGeom>
            <a:solidFill>
              <a:srgbClr val="FFFFFF"/>
            </a:solidFill>
            <a:ln w="5493" cap="flat">
              <a:noFill/>
              <a:prstDash val="solid"/>
              <a:miter/>
            </a:ln>
          </p:spPr>
          <p:txBody>
            <a:bodyPr rtlCol="0" anchor="ctr"/>
            <a:lstStyle/>
            <a:p>
              <a:endParaRPr lang="en-US"/>
            </a:p>
          </p:txBody>
        </p:sp>
        <p:sp>
          <p:nvSpPr>
            <p:cNvPr id="57" name="Freeform: Shape 56">
              <a:extLst>
                <a:ext uri="{FF2B5EF4-FFF2-40B4-BE49-F238E27FC236}">
                  <a16:creationId xmlns:a16="http://schemas.microsoft.com/office/drawing/2014/main" id="{F4B88E32-423D-4EAD-A3EE-94B6FB8A54F1}"/>
                </a:ext>
              </a:extLst>
            </p:cNvPr>
            <p:cNvSpPr/>
            <p:nvPr userDrawn="1"/>
          </p:nvSpPr>
          <p:spPr>
            <a:xfrm>
              <a:off x="9086437" y="480225"/>
              <a:ext cx="211220" cy="237560"/>
            </a:xfrm>
            <a:custGeom>
              <a:avLst/>
              <a:gdLst>
                <a:gd name="connsiteX0" fmla="*/ 210572 w 211220"/>
                <a:gd name="connsiteY0" fmla="*/ 186505 h 237560"/>
                <a:gd name="connsiteX1" fmla="*/ 204475 w 211220"/>
                <a:gd name="connsiteY1" fmla="*/ 181021 h 237560"/>
                <a:gd name="connsiteX2" fmla="*/ 202662 w 211220"/>
                <a:gd name="connsiteY2" fmla="*/ 181350 h 237560"/>
                <a:gd name="connsiteX3" fmla="*/ 128172 w 211220"/>
                <a:gd name="connsiteY3" fmla="*/ 215296 h 237560"/>
                <a:gd name="connsiteX4" fmla="*/ 72799 w 211220"/>
                <a:gd name="connsiteY4" fmla="*/ 190125 h 237560"/>
                <a:gd name="connsiteX5" fmla="*/ 43300 w 211220"/>
                <a:gd name="connsiteY5" fmla="*/ 106440 h 237560"/>
                <a:gd name="connsiteX6" fmla="*/ 116142 w 211220"/>
                <a:gd name="connsiteY6" fmla="*/ 13817 h 237560"/>
                <a:gd name="connsiteX7" fmla="*/ 172119 w 211220"/>
                <a:gd name="connsiteY7" fmla="*/ 37617 h 237560"/>
                <a:gd name="connsiteX8" fmla="*/ 197279 w 211220"/>
                <a:gd name="connsiteY8" fmla="*/ 79405 h 237560"/>
                <a:gd name="connsiteX9" fmla="*/ 200739 w 211220"/>
                <a:gd name="connsiteY9" fmla="*/ 82695 h 237560"/>
                <a:gd name="connsiteX10" fmla="*/ 206892 w 211220"/>
                <a:gd name="connsiteY10" fmla="*/ 80721 h 237560"/>
                <a:gd name="connsiteX11" fmla="*/ 208210 w 211220"/>
                <a:gd name="connsiteY11" fmla="*/ 77430 h 237560"/>
                <a:gd name="connsiteX12" fmla="*/ 200465 w 211220"/>
                <a:gd name="connsiteY12" fmla="*/ 10636 h 237560"/>
                <a:gd name="connsiteX13" fmla="*/ 195905 w 211220"/>
                <a:gd name="connsiteY13" fmla="*/ 5153 h 237560"/>
                <a:gd name="connsiteX14" fmla="*/ 190796 w 211220"/>
                <a:gd name="connsiteY14" fmla="*/ 7127 h 237560"/>
                <a:gd name="connsiteX15" fmla="*/ 188599 w 211220"/>
                <a:gd name="connsiteY15" fmla="*/ 15736 h 237560"/>
                <a:gd name="connsiteX16" fmla="*/ 182172 w 211220"/>
                <a:gd name="connsiteY16" fmla="*/ 15736 h 237560"/>
                <a:gd name="connsiteX17" fmla="*/ 116801 w 211220"/>
                <a:gd name="connsiteY17" fmla="*/ 53 h 237560"/>
                <a:gd name="connsiteX18" fmla="*/ 32973 w 211220"/>
                <a:gd name="connsiteY18" fmla="*/ 34162 h 237560"/>
                <a:gd name="connsiteX19" fmla="*/ 13 w 211220"/>
                <a:gd name="connsiteY19" fmla="*/ 120424 h 237560"/>
                <a:gd name="connsiteX20" fmla="*/ 34786 w 211220"/>
                <a:gd name="connsiteY20" fmla="*/ 207344 h 237560"/>
                <a:gd name="connsiteX21" fmla="*/ 119328 w 211220"/>
                <a:gd name="connsiteY21" fmla="*/ 237561 h 237560"/>
                <a:gd name="connsiteX22" fmla="*/ 210902 w 211220"/>
                <a:gd name="connsiteY22" fmla="*/ 189522 h 237560"/>
                <a:gd name="connsiteX23" fmla="*/ 210572 w 211220"/>
                <a:gd name="connsiteY23" fmla="*/ 186505 h 237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11220" h="237560">
                  <a:moveTo>
                    <a:pt x="210572" y="186505"/>
                  </a:moveTo>
                  <a:cubicBezTo>
                    <a:pt x="208485" y="184531"/>
                    <a:pt x="204750" y="181021"/>
                    <a:pt x="204475" y="181021"/>
                  </a:cubicBezTo>
                  <a:cubicBezTo>
                    <a:pt x="204200" y="181021"/>
                    <a:pt x="202992" y="181021"/>
                    <a:pt x="202662" y="181350"/>
                  </a:cubicBezTo>
                  <a:cubicBezTo>
                    <a:pt x="184249" y="203324"/>
                    <a:pt x="156866" y="215803"/>
                    <a:pt x="128172" y="215296"/>
                  </a:cubicBezTo>
                  <a:cubicBezTo>
                    <a:pt x="112736" y="215296"/>
                    <a:pt x="94004" y="212664"/>
                    <a:pt x="72799" y="190125"/>
                  </a:cubicBezTo>
                  <a:cubicBezTo>
                    <a:pt x="49123" y="164570"/>
                    <a:pt x="43300" y="126182"/>
                    <a:pt x="43300" y="106440"/>
                  </a:cubicBezTo>
                  <a:cubicBezTo>
                    <a:pt x="43300" y="60156"/>
                    <a:pt x="64614" y="13817"/>
                    <a:pt x="116142" y="13817"/>
                  </a:cubicBezTo>
                  <a:cubicBezTo>
                    <a:pt x="137285" y="13732"/>
                    <a:pt x="157530" y="22340"/>
                    <a:pt x="172119" y="37617"/>
                  </a:cubicBezTo>
                  <a:cubicBezTo>
                    <a:pt x="183397" y="49594"/>
                    <a:pt x="191976" y="63843"/>
                    <a:pt x="197279" y="79405"/>
                  </a:cubicBezTo>
                  <a:cubicBezTo>
                    <a:pt x="198212" y="81982"/>
                    <a:pt x="199201" y="83298"/>
                    <a:pt x="200739" y="82695"/>
                  </a:cubicBezTo>
                  <a:lnTo>
                    <a:pt x="206892" y="80721"/>
                  </a:lnTo>
                  <a:cubicBezTo>
                    <a:pt x="208210" y="80392"/>
                    <a:pt x="208540" y="79405"/>
                    <a:pt x="208210" y="77430"/>
                  </a:cubicBezTo>
                  <a:cubicBezTo>
                    <a:pt x="206892" y="67834"/>
                    <a:pt x="200465" y="16340"/>
                    <a:pt x="200465" y="10636"/>
                  </a:cubicBezTo>
                  <a:cubicBezTo>
                    <a:pt x="200465" y="6085"/>
                    <a:pt x="199805" y="5153"/>
                    <a:pt x="195905" y="5153"/>
                  </a:cubicBezTo>
                  <a:cubicBezTo>
                    <a:pt x="192005" y="5153"/>
                    <a:pt x="191401" y="5153"/>
                    <a:pt x="190796" y="7127"/>
                  </a:cubicBezTo>
                  <a:lnTo>
                    <a:pt x="188599" y="15736"/>
                  </a:lnTo>
                  <a:cubicBezTo>
                    <a:pt x="187995" y="18259"/>
                    <a:pt x="186676" y="18259"/>
                    <a:pt x="182172" y="15736"/>
                  </a:cubicBezTo>
                  <a:cubicBezTo>
                    <a:pt x="161975" y="5303"/>
                    <a:pt x="139542" y="-79"/>
                    <a:pt x="116801" y="53"/>
                  </a:cubicBezTo>
                  <a:cubicBezTo>
                    <a:pt x="85286" y="-913"/>
                    <a:pt x="54832" y="11478"/>
                    <a:pt x="32973" y="34162"/>
                  </a:cubicBezTo>
                  <a:cubicBezTo>
                    <a:pt x="11350" y="57657"/>
                    <a:pt x="-443" y="88523"/>
                    <a:pt x="13" y="120424"/>
                  </a:cubicBezTo>
                  <a:cubicBezTo>
                    <a:pt x="13" y="148721"/>
                    <a:pt x="10999" y="186231"/>
                    <a:pt x="34786" y="207344"/>
                  </a:cubicBezTo>
                  <a:cubicBezTo>
                    <a:pt x="54836" y="225331"/>
                    <a:pt x="78018" y="237561"/>
                    <a:pt x="119328" y="237561"/>
                  </a:cubicBezTo>
                  <a:cubicBezTo>
                    <a:pt x="161737" y="237561"/>
                    <a:pt x="191346" y="214857"/>
                    <a:pt x="210902" y="189522"/>
                  </a:cubicBezTo>
                  <a:cubicBezTo>
                    <a:pt x="211426" y="188544"/>
                    <a:pt x="211295" y="187347"/>
                    <a:pt x="210572" y="186505"/>
                  </a:cubicBezTo>
                </a:path>
              </a:pathLst>
            </a:custGeom>
            <a:solidFill>
              <a:srgbClr val="FFFFFF"/>
            </a:solidFill>
            <a:ln w="5493" cap="flat">
              <a:noFill/>
              <a:prstDash val="solid"/>
              <a:miter/>
            </a:ln>
          </p:spPr>
          <p:txBody>
            <a:bodyPr rtlCol="0" anchor="ctr"/>
            <a:lstStyle/>
            <a:p>
              <a:endParaRPr lang="en-US"/>
            </a:p>
          </p:txBody>
        </p:sp>
        <p:sp>
          <p:nvSpPr>
            <p:cNvPr id="58" name="Freeform: Shape 57">
              <a:extLst>
                <a:ext uri="{FF2B5EF4-FFF2-40B4-BE49-F238E27FC236}">
                  <a16:creationId xmlns:a16="http://schemas.microsoft.com/office/drawing/2014/main" id="{7860F73E-11E7-4A5C-B229-67482E67F9F0}"/>
                </a:ext>
              </a:extLst>
            </p:cNvPr>
            <p:cNvSpPr/>
            <p:nvPr userDrawn="1"/>
          </p:nvSpPr>
          <p:spPr>
            <a:xfrm>
              <a:off x="9647979" y="514059"/>
              <a:ext cx="39332" cy="39264"/>
            </a:xfrm>
            <a:custGeom>
              <a:avLst/>
              <a:gdLst>
                <a:gd name="connsiteX0" fmla="*/ 39332 w 39332"/>
                <a:gd name="connsiteY0" fmla="*/ 19687 h 39264"/>
                <a:gd name="connsiteX1" fmla="*/ 19611 w 39332"/>
                <a:gd name="connsiteY1" fmla="*/ 39265 h 39264"/>
                <a:gd name="connsiteX2" fmla="*/ 0 w 39332"/>
                <a:gd name="connsiteY2" fmla="*/ 19578 h 39264"/>
                <a:gd name="connsiteX3" fmla="*/ 19666 w 39332"/>
                <a:gd name="connsiteY3" fmla="*/ 0 h 39264"/>
                <a:gd name="connsiteX4" fmla="*/ 39332 w 39332"/>
                <a:gd name="connsiteY4" fmla="*/ 19522 h 39264"/>
                <a:gd name="connsiteX5" fmla="*/ 39332 w 39332"/>
                <a:gd name="connsiteY5" fmla="*/ 19687 h 39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9332" h="39264">
                  <a:moveTo>
                    <a:pt x="39332" y="19687"/>
                  </a:moveTo>
                  <a:cubicBezTo>
                    <a:pt x="39302" y="30530"/>
                    <a:pt x="30473" y="39295"/>
                    <a:pt x="19611" y="39265"/>
                  </a:cubicBezTo>
                  <a:cubicBezTo>
                    <a:pt x="8750" y="39234"/>
                    <a:pt x="-30" y="30420"/>
                    <a:pt x="0" y="19578"/>
                  </a:cubicBezTo>
                  <a:cubicBezTo>
                    <a:pt x="30" y="8756"/>
                    <a:pt x="8826" y="0"/>
                    <a:pt x="19666" y="0"/>
                  </a:cubicBezTo>
                  <a:cubicBezTo>
                    <a:pt x="30497" y="-30"/>
                    <a:pt x="39302" y="8710"/>
                    <a:pt x="39332" y="19522"/>
                  </a:cubicBezTo>
                  <a:cubicBezTo>
                    <a:pt x="39333" y="19577"/>
                    <a:pt x="39333" y="19632"/>
                    <a:pt x="39332" y="19687"/>
                  </a:cubicBezTo>
                </a:path>
              </a:pathLst>
            </a:custGeom>
            <a:solidFill>
              <a:srgbClr val="FFFFFF"/>
            </a:solidFill>
            <a:ln w="5493" cap="flat">
              <a:noFill/>
              <a:prstDash val="solid"/>
              <a:miter/>
            </a:ln>
          </p:spPr>
          <p:txBody>
            <a:bodyPr rtlCol="0" anchor="ctr"/>
            <a:lstStyle/>
            <a:p>
              <a:endParaRPr lang="en-US"/>
            </a:p>
          </p:txBody>
        </p:sp>
      </p:grpSp>
    </p:spTree>
    <p:extLst>
      <p:ext uri="{BB962C8B-B14F-4D97-AF65-F5344CB8AC3E}">
        <p14:creationId xmlns:p14="http://schemas.microsoft.com/office/powerpoint/2010/main" val="287602841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Quote A">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68C45125-9950-48C5-BE2B-5A54D7E1387B}"/>
              </a:ext>
            </a:extLst>
          </p:cNvPr>
          <p:cNvSpPr txBox="1"/>
          <p:nvPr userDrawn="1"/>
        </p:nvSpPr>
        <p:spPr>
          <a:xfrm>
            <a:off x="647700" y="89982"/>
            <a:ext cx="3868254" cy="3062377"/>
          </a:xfrm>
          <a:prstGeom prst="rect">
            <a:avLst/>
          </a:prstGeom>
          <a:noFill/>
        </p:spPr>
        <p:txBody>
          <a:bodyPr wrap="square" lIns="0" tIns="0" rIns="0" bIns="0" rtlCol="0">
            <a:spAutoFit/>
          </a:bodyPr>
          <a:lstStyle/>
          <a:p>
            <a:r>
              <a:rPr lang="en-US" sz="19900" dirty="0">
                <a:solidFill>
                  <a:schemeClr val="tx2"/>
                </a:solidFill>
              </a:rPr>
              <a:t>“</a:t>
            </a:r>
            <a:endParaRPr lang="en-US"/>
          </a:p>
        </p:txBody>
      </p:sp>
      <p:sp>
        <p:nvSpPr>
          <p:cNvPr id="2" name="Title 1"/>
          <p:cNvSpPr>
            <a:spLocks noGrp="1"/>
          </p:cNvSpPr>
          <p:nvPr>
            <p:ph type="title" hasCustomPrompt="1"/>
          </p:nvPr>
        </p:nvSpPr>
        <p:spPr>
          <a:xfrm>
            <a:off x="648000" y="1576800"/>
            <a:ext cx="9039600" cy="2847600"/>
          </a:xfrm>
        </p:spPr>
        <p:txBody>
          <a:bodyPr/>
          <a:lstStyle>
            <a:lvl1pPr>
              <a:defRPr>
                <a:solidFill>
                  <a:schemeClr val="tx2"/>
                </a:solidFill>
              </a:defRPr>
            </a:lvl1pPr>
          </a:lstStyle>
          <a:p>
            <a:r>
              <a:rPr lang="en-US" noProof="0" dirty="0"/>
              <a:t>Click to add quote</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2"/>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5" name="Text Placeholder 4">
            <a:extLst>
              <a:ext uri="{FF2B5EF4-FFF2-40B4-BE49-F238E27FC236}">
                <a16:creationId xmlns:a16="http://schemas.microsoft.com/office/drawing/2014/main" id="{B77F94BD-6275-4D89-81F8-9C249242B260}"/>
              </a:ext>
            </a:extLst>
          </p:cNvPr>
          <p:cNvSpPr>
            <a:spLocks noGrp="1"/>
          </p:cNvSpPr>
          <p:nvPr>
            <p:ph type="body" sz="quarter" idx="15" hasCustomPrompt="1"/>
          </p:nvPr>
        </p:nvSpPr>
        <p:spPr>
          <a:xfrm>
            <a:off x="0" y="4910400"/>
            <a:ext cx="5781600" cy="648000"/>
          </a:xfrm>
          <a:solidFill>
            <a:schemeClr val="accent3"/>
          </a:solidFill>
        </p:spPr>
        <p:txBody>
          <a:bodyPr vert="horz" lIns="648000" tIns="0" rIns="0" bIns="0" rtlCol="0" anchor="ctr">
            <a:noAutofit/>
          </a:bodyPr>
          <a:lstStyle>
            <a:lvl1pPr marL="0" indent="0">
              <a:buFont typeface="Arial" panose="020B0604020202020204" pitchFamily="34" charset="0"/>
              <a:buChar char="​"/>
              <a:defRPr lang="en-US" sz="2800" dirty="0" smtClean="0">
                <a:solidFill>
                  <a:schemeClr val="tx2"/>
                </a:solidFill>
                <a:latin typeface="+mj-lt"/>
              </a:defRPr>
            </a:lvl1pPr>
            <a:lvl2pPr marL="216000" indent="0">
              <a:buNone/>
              <a:defRPr lang="en-US" dirty="0" smtClean="0">
                <a:solidFill>
                  <a:schemeClr val="tx2"/>
                </a:solidFill>
              </a:defRPr>
            </a:lvl2pPr>
            <a:lvl3pPr>
              <a:defRPr lang="en-US" dirty="0" smtClean="0">
                <a:solidFill>
                  <a:schemeClr val="tx2"/>
                </a:solidFill>
              </a:defRPr>
            </a:lvl3pPr>
            <a:lvl4pPr>
              <a:defRPr lang="en-US" dirty="0" smtClean="0"/>
            </a:lvl4pPr>
            <a:lvl5pPr>
              <a:defRPr lang="en-GB" dirty="0">
                <a:solidFill>
                  <a:schemeClr val="tx2"/>
                </a:solidFill>
              </a:defRPr>
            </a:lvl5pPr>
          </a:lstStyle>
          <a:p>
            <a:pPr marL="216000" lvl="0" indent="-216000"/>
            <a:r>
              <a:rPr lang="en-US" dirty="0"/>
              <a:t>Click to add name</a:t>
            </a:r>
            <a:endParaRPr lang="en-US"/>
          </a:p>
        </p:txBody>
      </p:sp>
    </p:spTree>
    <p:extLst>
      <p:ext uri="{BB962C8B-B14F-4D97-AF65-F5344CB8AC3E}">
        <p14:creationId xmlns:p14="http://schemas.microsoft.com/office/powerpoint/2010/main" val="215325241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Quote B">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68C45125-9950-48C5-BE2B-5A54D7E1387B}"/>
              </a:ext>
            </a:extLst>
          </p:cNvPr>
          <p:cNvSpPr txBox="1"/>
          <p:nvPr userDrawn="1"/>
        </p:nvSpPr>
        <p:spPr>
          <a:xfrm>
            <a:off x="647700" y="89982"/>
            <a:ext cx="3868254" cy="3062377"/>
          </a:xfrm>
          <a:prstGeom prst="rect">
            <a:avLst/>
          </a:prstGeom>
          <a:noFill/>
        </p:spPr>
        <p:txBody>
          <a:bodyPr wrap="square" lIns="0" tIns="0" rIns="0" bIns="0" rtlCol="0">
            <a:spAutoFit/>
          </a:bodyPr>
          <a:lstStyle/>
          <a:p>
            <a:r>
              <a:rPr lang="en-US" sz="19900" dirty="0">
                <a:solidFill>
                  <a:schemeClr val="tx2"/>
                </a:solidFill>
              </a:rPr>
              <a:t>“</a:t>
            </a:r>
            <a:endParaRPr lang="en-US"/>
          </a:p>
        </p:txBody>
      </p:sp>
      <p:sp>
        <p:nvSpPr>
          <p:cNvPr id="2" name="Title 1"/>
          <p:cNvSpPr>
            <a:spLocks noGrp="1"/>
          </p:cNvSpPr>
          <p:nvPr>
            <p:ph type="title" hasCustomPrompt="1"/>
          </p:nvPr>
        </p:nvSpPr>
        <p:spPr>
          <a:xfrm>
            <a:off x="648000" y="1576800"/>
            <a:ext cx="9039600" cy="2847600"/>
          </a:xfrm>
        </p:spPr>
        <p:txBody>
          <a:bodyPr/>
          <a:lstStyle>
            <a:lvl1pPr>
              <a:defRPr>
                <a:solidFill>
                  <a:schemeClr val="tx2"/>
                </a:solidFill>
              </a:defRPr>
            </a:lvl1pPr>
          </a:lstStyle>
          <a:p>
            <a:r>
              <a:rPr lang="en-US" noProof="0" dirty="0"/>
              <a:t>Click to add quote</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2"/>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5" name="Text Placeholder 4">
            <a:extLst>
              <a:ext uri="{FF2B5EF4-FFF2-40B4-BE49-F238E27FC236}">
                <a16:creationId xmlns:a16="http://schemas.microsoft.com/office/drawing/2014/main" id="{B77F94BD-6275-4D89-81F8-9C249242B260}"/>
              </a:ext>
            </a:extLst>
          </p:cNvPr>
          <p:cNvSpPr>
            <a:spLocks noGrp="1"/>
          </p:cNvSpPr>
          <p:nvPr>
            <p:ph type="body" sz="quarter" idx="15" hasCustomPrompt="1"/>
          </p:nvPr>
        </p:nvSpPr>
        <p:spPr>
          <a:xfrm>
            <a:off x="0" y="4910400"/>
            <a:ext cx="5781600" cy="648000"/>
          </a:xfrm>
          <a:solidFill>
            <a:schemeClr val="bg1"/>
          </a:solidFill>
        </p:spPr>
        <p:txBody>
          <a:bodyPr vert="horz" lIns="648000" tIns="0" rIns="0" bIns="0" rtlCol="0" anchor="ctr">
            <a:noAutofit/>
          </a:bodyPr>
          <a:lstStyle>
            <a:lvl1pPr marL="0" indent="0">
              <a:buFont typeface="Arial" panose="020B0604020202020204" pitchFamily="34" charset="0"/>
              <a:buChar char="​"/>
              <a:defRPr lang="en-US" sz="2800" dirty="0" smtClean="0">
                <a:solidFill>
                  <a:schemeClr val="tx2"/>
                </a:solidFill>
                <a:latin typeface="+mj-lt"/>
              </a:defRPr>
            </a:lvl1pPr>
            <a:lvl2pPr marL="216000" indent="0">
              <a:buNone/>
              <a:defRPr lang="en-US" dirty="0" smtClean="0">
                <a:solidFill>
                  <a:schemeClr val="tx2"/>
                </a:solidFill>
              </a:defRPr>
            </a:lvl2pPr>
            <a:lvl3pPr>
              <a:defRPr lang="en-US" dirty="0" smtClean="0">
                <a:solidFill>
                  <a:schemeClr val="tx2"/>
                </a:solidFill>
              </a:defRPr>
            </a:lvl3pPr>
            <a:lvl4pPr>
              <a:defRPr lang="en-US" dirty="0" smtClean="0"/>
            </a:lvl4pPr>
            <a:lvl5pPr>
              <a:defRPr lang="en-GB" dirty="0">
                <a:solidFill>
                  <a:schemeClr val="tx2"/>
                </a:solidFill>
              </a:defRPr>
            </a:lvl5pPr>
          </a:lstStyle>
          <a:p>
            <a:pPr marL="216000" lvl="0" indent="-216000"/>
            <a:r>
              <a:rPr lang="en-US" dirty="0"/>
              <a:t>Click to add name</a:t>
            </a:r>
            <a:endParaRPr lang="en-US"/>
          </a:p>
        </p:txBody>
      </p:sp>
    </p:spTree>
    <p:extLst>
      <p:ext uri="{BB962C8B-B14F-4D97-AF65-F5344CB8AC3E}">
        <p14:creationId xmlns:p14="http://schemas.microsoft.com/office/powerpoint/2010/main" val="81535726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Negative">
    <p:bg>
      <p:bgPr>
        <a:solidFill>
          <a:schemeClr val="tx2"/>
        </a:solidFill>
        <a:effectLst/>
      </p:bgPr>
    </p:bg>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68C45125-9950-48C5-BE2B-5A54D7E1387B}"/>
              </a:ext>
            </a:extLst>
          </p:cNvPr>
          <p:cNvSpPr txBox="1"/>
          <p:nvPr userDrawn="1"/>
        </p:nvSpPr>
        <p:spPr>
          <a:xfrm>
            <a:off x="647700" y="89982"/>
            <a:ext cx="3868254" cy="3062377"/>
          </a:xfrm>
          <a:prstGeom prst="rect">
            <a:avLst/>
          </a:prstGeom>
          <a:noFill/>
        </p:spPr>
        <p:txBody>
          <a:bodyPr wrap="square" lIns="0" tIns="0" rIns="0" bIns="0" rtlCol="0">
            <a:spAutoFit/>
          </a:bodyPr>
          <a:lstStyle/>
          <a:p>
            <a:r>
              <a:rPr lang="en-US" sz="19900" dirty="0">
                <a:solidFill>
                  <a:schemeClr val="accent3"/>
                </a:solidFill>
              </a:rPr>
              <a:t>“</a:t>
            </a:r>
            <a:endParaRPr lang="en-US"/>
          </a:p>
        </p:txBody>
      </p:sp>
      <p:sp>
        <p:nvSpPr>
          <p:cNvPr id="2" name="Title 1"/>
          <p:cNvSpPr>
            <a:spLocks noGrp="1"/>
          </p:cNvSpPr>
          <p:nvPr>
            <p:ph type="title" hasCustomPrompt="1"/>
          </p:nvPr>
        </p:nvSpPr>
        <p:spPr>
          <a:xfrm>
            <a:off x="648000" y="1576800"/>
            <a:ext cx="9039600" cy="2847600"/>
          </a:xfrm>
        </p:spPr>
        <p:txBody>
          <a:bodyPr/>
          <a:lstStyle>
            <a:lvl1pPr>
              <a:defRPr>
                <a:solidFill>
                  <a:schemeClr val="accent3"/>
                </a:solidFill>
              </a:defRPr>
            </a:lvl1pPr>
          </a:lstStyle>
          <a:p>
            <a:r>
              <a:rPr lang="en-US" noProof="0" dirty="0"/>
              <a:t>Click to add quote</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bg1"/>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Text Placeholder 4">
            <a:extLst>
              <a:ext uri="{FF2B5EF4-FFF2-40B4-BE49-F238E27FC236}">
                <a16:creationId xmlns:a16="http://schemas.microsoft.com/office/drawing/2014/main" id="{B77F94BD-6275-4D89-81F8-9C249242B260}"/>
              </a:ext>
            </a:extLst>
          </p:cNvPr>
          <p:cNvSpPr>
            <a:spLocks noGrp="1"/>
          </p:cNvSpPr>
          <p:nvPr>
            <p:ph type="body" sz="quarter" idx="15" hasCustomPrompt="1"/>
          </p:nvPr>
        </p:nvSpPr>
        <p:spPr>
          <a:xfrm>
            <a:off x="0" y="4910400"/>
            <a:ext cx="5781600" cy="648000"/>
          </a:xfrm>
          <a:solidFill>
            <a:schemeClr val="bg1"/>
          </a:solidFill>
        </p:spPr>
        <p:txBody>
          <a:bodyPr vert="horz" lIns="648000" tIns="0" rIns="0" bIns="0" rtlCol="0" anchor="ctr">
            <a:noAutofit/>
          </a:bodyPr>
          <a:lstStyle>
            <a:lvl1pPr marL="0" indent="0">
              <a:buFont typeface="Arial" panose="020B0604020202020204" pitchFamily="34" charset="0"/>
              <a:buChar char="​"/>
              <a:defRPr lang="en-US" sz="2800" dirty="0" smtClean="0">
                <a:solidFill>
                  <a:schemeClr val="tx2"/>
                </a:solidFill>
                <a:latin typeface="+mj-lt"/>
              </a:defRPr>
            </a:lvl1pPr>
            <a:lvl2pPr marL="216000" indent="0">
              <a:buNone/>
              <a:defRPr lang="en-US" dirty="0" smtClean="0">
                <a:solidFill>
                  <a:schemeClr val="tx2"/>
                </a:solidFill>
              </a:defRPr>
            </a:lvl2pPr>
            <a:lvl3pPr>
              <a:defRPr lang="en-US" dirty="0" smtClean="0">
                <a:solidFill>
                  <a:schemeClr val="tx2"/>
                </a:solidFill>
              </a:defRPr>
            </a:lvl3pPr>
            <a:lvl4pPr>
              <a:defRPr lang="en-US" dirty="0" smtClean="0"/>
            </a:lvl4pPr>
            <a:lvl5pPr>
              <a:defRPr lang="en-GB" dirty="0">
                <a:solidFill>
                  <a:schemeClr val="tx2"/>
                </a:solidFill>
              </a:defRPr>
            </a:lvl5pPr>
          </a:lstStyle>
          <a:p>
            <a:pPr marL="216000" lvl="0" indent="-216000"/>
            <a:r>
              <a:rPr lang="en-US" dirty="0"/>
              <a:t>Click to add name</a:t>
            </a:r>
            <a:endParaRPr lang="en-US"/>
          </a:p>
        </p:txBody>
      </p:sp>
      <p:cxnSp>
        <p:nvCxnSpPr>
          <p:cNvPr id="12" name="Straight Connector 11">
            <a:extLst>
              <a:ext uri="{FF2B5EF4-FFF2-40B4-BE49-F238E27FC236}">
                <a16:creationId xmlns:a16="http://schemas.microsoft.com/office/drawing/2014/main" id="{DD0E7878-9FDC-49B7-8852-D4754F87880A}"/>
              </a:ext>
            </a:extLst>
          </p:cNvPr>
          <p:cNvCxnSpPr/>
          <p:nvPr userDrawn="1"/>
        </p:nvCxnSpPr>
        <p:spPr>
          <a:xfrm>
            <a:off x="11124763" y="274014"/>
            <a:ext cx="0" cy="125517"/>
          </a:xfrm>
          <a:prstGeom prst="line">
            <a:avLst/>
          </a:prstGeom>
          <a:ln w="9525">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005331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End A">
    <p:bg>
      <p:bgPr>
        <a:solidFill>
          <a:schemeClr val="bg1"/>
        </a:solidFill>
        <a:effectLst/>
      </p:bgPr>
    </p:bg>
    <p:spTree>
      <p:nvGrpSpPr>
        <p:cNvPr id="1" name=""/>
        <p:cNvGrpSpPr/>
        <p:nvPr/>
      </p:nvGrpSpPr>
      <p:grpSpPr>
        <a:xfrm>
          <a:off x="0" y="0"/>
          <a:ext cx="0" cy="0"/>
          <a:chOff x="0" y="0"/>
          <a:chExt cx="0" cy="0"/>
        </a:xfrm>
      </p:grpSpPr>
      <p:sp>
        <p:nvSpPr>
          <p:cNvPr id="46" name="Rectangle 45">
            <a:extLst>
              <a:ext uri="{FF2B5EF4-FFF2-40B4-BE49-F238E27FC236}">
                <a16:creationId xmlns:a16="http://schemas.microsoft.com/office/drawing/2014/main" id="{8D445732-317B-4AB0-8EC3-5781E0D7CEB5}"/>
              </a:ext>
            </a:extLst>
          </p:cNvPr>
          <p:cNvSpPr/>
          <p:nvPr userDrawn="1"/>
        </p:nvSpPr>
        <p:spPr>
          <a:xfrm>
            <a:off x="179388" y="203200"/>
            <a:ext cx="3332162" cy="12001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45" name="Group 44">
            <a:extLst>
              <a:ext uri="{FF2B5EF4-FFF2-40B4-BE49-F238E27FC236}">
                <a16:creationId xmlns:a16="http://schemas.microsoft.com/office/drawing/2014/main" id="{E76DA6C4-282B-4A64-BCCE-25931B90CD85}"/>
              </a:ext>
            </a:extLst>
          </p:cNvPr>
          <p:cNvGrpSpPr/>
          <p:nvPr userDrawn="1"/>
        </p:nvGrpSpPr>
        <p:grpSpPr>
          <a:xfrm>
            <a:off x="301428" y="311150"/>
            <a:ext cx="1276245" cy="725107"/>
            <a:chOff x="301429" y="316730"/>
            <a:chExt cx="1272014" cy="722703"/>
          </a:xfrm>
        </p:grpSpPr>
        <p:sp>
          <p:nvSpPr>
            <p:cNvPr id="6" name="Freeform: Shape 5">
              <a:extLst>
                <a:ext uri="{FF2B5EF4-FFF2-40B4-BE49-F238E27FC236}">
                  <a16:creationId xmlns:a16="http://schemas.microsoft.com/office/drawing/2014/main" id="{00042B7C-751F-4CFD-9699-D6361A29CB2A}"/>
                </a:ext>
              </a:extLst>
            </p:cNvPr>
            <p:cNvSpPr/>
            <p:nvPr/>
          </p:nvSpPr>
          <p:spPr>
            <a:xfrm>
              <a:off x="301429" y="316730"/>
              <a:ext cx="1272014" cy="722703"/>
            </a:xfrm>
            <a:custGeom>
              <a:avLst/>
              <a:gdLst>
                <a:gd name="connsiteX0" fmla="*/ 1198863 w 1272014"/>
                <a:gd name="connsiteY0" fmla="*/ 0 h 722703"/>
                <a:gd name="connsiteX1" fmla="*/ 73152 w 1272014"/>
                <a:gd name="connsiteY1" fmla="*/ 0 h 722703"/>
                <a:gd name="connsiteX2" fmla="*/ 0 w 1272014"/>
                <a:gd name="connsiteY2" fmla="*/ 73080 h 722703"/>
                <a:gd name="connsiteX3" fmla="*/ 0 w 1272014"/>
                <a:gd name="connsiteY3" fmla="*/ 649893 h 722703"/>
                <a:gd name="connsiteX4" fmla="*/ 68718 w 1272014"/>
                <a:gd name="connsiteY4" fmla="*/ 722703 h 722703"/>
                <a:gd name="connsiteX5" fmla="*/ 1203297 w 1272014"/>
                <a:gd name="connsiteY5" fmla="*/ 722703 h 722703"/>
                <a:gd name="connsiteX6" fmla="*/ 1272015 w 1272014"/>
                <a:gd name="connsiteY6" fmla="*/ 649677 h 722703"/>
                <a:gd name="connsiteX7" fmla="*/ 1272015 w 1272014"/>
                <a:gd name="connsiteY7" fmla="*/ 73080 h 722703"/>
                <a:gd name="connsiteX8" fmla="*/ 1198863 w 1272014"/>
                <a:gd name="connsiteY8" fmla="*/ 0 h 7227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72014" h="722703">
                  <a:moveTo>
                    <a:pt x="1198863" y="0"/>
                  </a:moveTo>
                  <a:lnTo>
                    <a:pt x="73152" y="0"/>
                  </a:lnTo>
                  <a:cubicBezTo>
                    <a:pt x="32755" y="60"/>
                    <a:pt x="30" y="32752"/>
                    <a:pt x="0" y="73080"/>
                  </a:cubicBezTo>
                  <a:lnTo>
                    <a:pt x="0" y="649893"/>
                  </a:lnTo>
                  <a:cubicBezTo>
                    <a:pt x="70" y="688463"/>
                    <a:pt x="30154" y="720339"/>
                    <a:pt x="68718" y="722703"/>
                  </a:cubicBezTo>
                  <a:lnTo>
                    <a:pt x="1203297" y="722703"/>
                  </a:lnTo>
                  <a:cubicBezTo>
                    <a:pt x="1241932" y="720308"/>
                    <a:pt x="1272032" y="688320"/>
                    <a:pt x="1272015" y="649677"/>
                  </a:cubicBezTo>
                  <a:lnTo>
                    <a:pt x="1272015" y="73080"/>
                  </a:lnTo>
                  <a:cubicBezTo>
                    <a:pt x="1271985" y="32752"/>
                    <a:pt x="1239260" y="60"/>
                    <a:pt x="1198863" y="0"/>
                  </a:cubicBezTo>
                  <a:close/>
                </a:path>
              </a:pathLst>
            </a:custGeom>
            <a:solidFill>
              <a:srgbClr val="FFFFFF"/>
            </a:solidFill>
            <a:ln w="5397" cap="flat">
              <a:noFill/>
              <a:prstDash val="solid"/>
              <a:miter/>
            </a:ln>
          </p:spPr>
          <p:txBody>
            <a:bodyPr rtlCol="0" anchor="ctr"/>
            <a:lstStyle/>
            <a:p>
              <a:endParaRPr lang="en-US"/>
            </a:p>
          </p:txBody>
        </p:sp>
        <p:sp>
          <p:nvSpPr>
            <p:cNvPr id="7" name="Freeform: Shape 6">
              <a:extLst>
                <a:ext uri="{FF2B5EF4-FFF2-40B4-BE49-F238E27FC236}">
                  <a16:creationId xmlns:a16="http://schemas.microsoft.com/office/drawing/2014/main" id="{47666969-F300-45A3-B624-E7D5740E8DA9}"/>
                </a:ext>
              </a:extLst>
            </p:cNvPr>
            <p:cNvSpPr/>
            <p:nvPr/>
          </p:nvSpPr>
          <p:spPr>
            <a:xfrm>
              <a:off x="321650" y="913567"/>
              <a:ext cx="1231573" cy="52839"/>
            </a:xfrm>
            <a:custGeom>
              <a:avLst/>
              <a:gdLst>
                <a:gd name="connsiteX0" fmla="*/ 0 w 1231573"/>
                <a:gd name="connsiteY0" fmla="*/ 0 h 52839"/>
                <a:gd name="connsiteX1" fmla="*/ 1231573 w 1231573"/>
                <a:gd name="connsiteY1" fmla="*/ 0 h 52839"/>
                <a:gd name="connsiteX2" fmla="*/ 1231573 w 1231573"/>
                <a:gd name="connsiteY2" fmla="*/ 52840 h 52839"/>
                <a:gd name="connsiteX3" fmla="*/ 0 w 1231573"/>
                <a:gd name="connsiteY3" fmla="*/ 52840 h 52839"/>
                <a:gd name="connsiteX4" fmla="*/ 0 w 1231573"/>
                <a:gd name="connsiteY4" fmla="*/ 0 h 52839"/>
                <a:gd name="connsiteX5" fmla="*/ 0 w 1231573"/>
                <a:gd name="connsiteY5" fmla="*/ 0 h 52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2839">
                  <a:moveTo>
                    <a:pt x="0" y="0"/>
                  </a:moveTo>
                  <a:lnTo>
                    <a:pt x="1231573" y="0"/>
                  </a:lnTo>
                  <a:lnTo>
                    <a:pt x="1231573" y="52840"/>
                  </a:lnTo>
                  <a:lnTo>
                    <a:pt x="0" y="52840"/>
                  </a:lnTo>
                  <a:lnTo>
                    <a:pt x="0" y="0"/>
                  </a:lnTo>
                  <a:lnTo>
                    <a:pt x="0" y="0"/>
                  </a:lnTo>
                  <a:close/>
                </a:path>
              </a:pathLst>
            </a:custGeom>
            <a:solidFill>
              <a:srgbClr val="0C9ED9"/>
            </a:solidFill>
            <a:ln w="5397"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5628C59F-CB37-4011-B1A7-6CC998917AAE}"/>
                </a:ext>
              </a:extLst>
            </p:cNvPr>
            <p:cNvSpPr/>
            <p:nvPr/>
          </p:nvSpPr>
          <p:spPr>
            <a:xfrm>
              <a:off x="321650" y="859810"/>
              <a:ext cx="1231573" cy="53757"/>
            </a:xfrm>
            <a:custGeom>
              <a:avLst/>
              <a:gdLst>
                <a:gd name="connsiteX0" fmla="*/ 0 w 1231573"/>
                <a:gd name="connsiteY0" fmla="*/ 0 h 53757"/>
                <a:gd name="connsiteX1" fmla="*/ 1231573 w 1231573"/>
                <a:gd name="connsiteY1" fmla="*/ 0 h 53757"/>
                <a:gd name="connsiteX2" fmla="*/ 1231573 w 1231573"/>
                <a:gd name="connsiteY2" fmla="*/ 53758 h 53757"/>
                <a:gd name="connsiteX3" fmla="*/ 0 w 1231573"/>
                <a:gd name="connsiteY3" fmla="*/ 53758 h 53757"/>
                <a:gd name="connsiteX4" fmla="*/ 0 w 1231573"/>
                <a:gd name="connsiteY4" fmla="*/ 0 h 53757"/>
                <a:gd name="connsiteX5" fmla="*/ 0 w 1231573"/>
                <a:gd name="connsiteY5" fmla="*/ 0 h 53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3757">
                  <a:moveTo>
                    <a:pt x="0" y="0"/>
                  </a:moveTo>
                  <a:lnTo>
                    <a:pt x="1231573" y="0"/>
                  </a:lnTo>
                  <a:lnTo>
                    <a:pt x="1231573" y="53758"/>
                  </a:lnTo>
                  <a:lnTo>
                    <a:pt x="0" y="53758"/>
                  </a:lnTo>
                  <a:lnTo>
                    <a:pt x="0" y="0"/>
                  </a:lnTo>
                  <a:lnTo>
                    <a:pt x="0" y="0"/>
                  </a:lnTo>
                  <a:close/>
                </a:path>
              </a:pathLst>
            </a:custGeom>
            <a:solidFill>
              <a:srgbClr val="FFD400"/>
            </a:solidFill>
            <a:ln w="5397"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DD7C49AE-2115-4F40-AAC5-1EFC672FCBA2}"/>
                </a:ext>
              </a:extLst>
            </p:cNvPr>
            <p:cNvSpPr/>
            <p:nvPr/>
          </p:nvSpPr>
          <p:spPr>
            <a:xfrm>
              <a:off x="321650" y="966623"/>
              <a:ext cx="1231573" cy="52624"/>
            </a:xfrm>
            <a:custGeom>
              <a:avLst/>
              <a:gdLst>
                <a:gd name="connsiteX0" fmla="*/ 49741 w 1231573"/>
                <a:gd name="connsiteY0" fmla="*/ 52624 h 52624"/>
                <a:gd name="connsiteX1" fmla="*/ 1181833 w 1231573"/>
                <a:gd name="connsiteY1" fmla="*/ 52624 h 52624"/>
                <a:gd name="connsiteX2" fmla="*/ 1231573 w 1231573"/>
                <a:gd name="connsiteY2" fmla="*/ 0 h 52624"/>
                <a:gd name="connsiteX3" fmla="*/ 1231573 w 1231573"/>
                <a:gd name="connsiteY3" fmla="*/ 0 h 52624"/>
                <a:gd name="connsiteX4" fmla="*/ 0 w 1231573"/>
                <a:gd name="connsiteY4" fmla="*/ 0 h 52624"/>
                <a:gd name="connsiteX5" fmla="*/ 0 w 1231573"/>
                <a:gd name="connsiteY5" fmla="*/ 0 h 52624"/>
                <a:gd name="connsiteX6" fmla="*/ 49741 w 1231573"/>
                <a:gd name="connsiteY6" fmla="*/ 52624 h 52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31573" h="52624">
                  <a:moveTo>
                    <a:pt x="49741" y="52624"/>
                  </a:moveTo>
                  <a:lnTo>
                    <a:pt x="1181833" y="52624"/>
                  </a:lnTo>
                  <a:cubicBezTo>
                    <a:pt x="1209742" y="50969"/>
                    <a:pt x="1231537" y="27910"/>
                    <a:pt x="1231573" y="0"/>
                  </a:cubicBezTo>
                  <a:lnTo>
                    <a:pt x="1231573" y="0"/>
                  </a:lnTo>
                  <a:lnTo>
                    <a:pt x="0" y="0"/>
                  </a:lnTo>
                  <a:lnTo>
                    <a:pt x="0" y="0"/>
                  </a:lnTo>
                  <a:cubicBezTo>
                    <a:pt x="37" y="27910"/>
                    <a:pt x="21832" y="50969"/>
                    <a:pt x="49741" y="52624"/>
                  </a:cubicBezTo>
                  <a:close/>
                </a:path>
              </a:pathLst>
            </a:custGeom>
            <a:solidFill>
              <a:srgbClr val="ED1B34"/>
            </a:solidFill>
            <a:ln w="5397"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B6265D30-A1D2-418E-A597-B1E59A9A1B9E}"/>
                </a:ext>
              </a:extLst>
            </p:cNvPr>
            <p:cNvSpPr/>
            <p:nvPr/>
          </p:nvSpPr>
          <p:spPr>
            <a:xfrm>
              <a:off x="321650" y="336862"/>
              <a:ext cx="1231573" cy="523001"/>
            </a:xfrm>
            <a:custGeom>
              <a:avLst/>
              <a:gdLst>
                <a:gd name="connsiteX0" fmla="*/ 1178643 w 1231573"/>
                <a:gd name="connsiteY0" fmla="*/ 0 h 523001"/>
                <a:gd name="connsiteX1" fmla="*/ 52931 w 1231573"/>
                <a:gd name="connsiteY1" fmla="*/ 0 h 523001"/>
                <a:gd name="connsiteX2" fmla="*/ 0 w 1231573"/>
                <a:gd name="connsiteY2" fmla="*/ 52840 h 523001"/>
                <a:gd name="connsiteX3" fmla="*/ 0 w 1231573"/>
                <a:gd name="connsiteY3" fmla="*/ 52894 h 523001"/>
                <a:gd name="connsiteX4" fmla="*/ 0 w 1231573"/>
                <a:gd name="connsiteY4" fmla="*/ 523002 h 523001"/>
                <a:gd name="connsiteX5" fmla="*/ 1231573 w 1231573"/>
                <a:gd name="connsiteY5" fmla="*/ 523002 h 523001"/>
                <a:gd name="connsiteX6" fmla="*/ 1231573 w 1231573"/>
                <a:gd name="connsiteY6" fmla="*/ 52948 h 523001"/>
                <a:gd name="connsiteX7" fmla="*/ 1178697 w 1231573"/>
                <a:gd name="connsiteY7" fmla="*/ 54 h 523001"/>
                <a:gd name="connsiteX8" fmla="*/ 1178643 w 1231573"/>
                <a:gd name="connsiteY8" fmla="*/ 54 h 523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31573" h="523001">
                  <a:moveTo>
                    <a:pt x="1178643" y="0"/>
                  </a:moveTo>
                  <a:lnTo>
                    <a:pt x="52931" y="0"/>
                  </a:lnTo>
                  <a:cubicBezTo>
                    <a:pt x="23698" y="0"/>
                    <a:pt x="0" y="23657"/>
                    <a:pt x="0" y="52840"/>
                  </a:cubicBezTo>
                  <a:cubicBezTo>
                    <a:pt x="0" y="52858"/>
                    <a:pt x="0" y="52876"/>
                    <a:pt x="0" y="52894"/>
                  </a:cubicBezTo>
                  <a:lnTo>
                    <a:pt x="0" y="523002"/>
                  </a:lnTo>
                  <a:lnTo>
                    <a:pt x="1231573" y="523002"/>
                  </a:lnTo>
                  <a:lnTo>
                    <a:pt x="1231573" y="52948"/>
                  </a:lnTo>
                  <a:cubicBezTo>
                    <a:pt x="1231603" y="23765"/>
                    <a:pt x="1207930" y="84"/>
                    <a:pt x="1178697" y="54"/>
                  </a:cubicBezTo>
                  <a:cubicBezTo>
                    <a:pt x="1178679" y="54"/>
                    <a:pt x="1178661" y="54"/>
                    <a:pt x="1178643" y="54"/>
                  </a:cubicBezTo>
                  <a:close/>
                </a:path>
              </a:pathLst>
            </a:custGeom>
            <a:solidFill>
              <a:srgbClr val="25408F"/>
            </a:solidFill>
            <a:ln w="5397"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2B1DC4BA-A0A9-4B4E-89FF-049DC04B2ADF}"/>
                </a:ext>
              </a:extLst>
            </p:cNvPr>
            <p:cNvSpPr/>
            <p:nvPr/>
          </p:nvSpPr>
          <p:spPr>
            <a:xfrm>
              <a:off x="675316" y="576153"/>
              <a:ext cx="141364" cy="139795"/>
            </a:xfrm>
            <a:custGeom>
              <a:avLst/>
              <a:gdLst>
                <a:gd name="connsiteX0" fmla="*/ 119738 w 141364"/>
                <a:gd name="connsiteY0" fmla="*/ 18432 h 139795"/>
                <a:gd name="connsiteX1" fmla="*/ 141364 w 141364"/>
                <a:gd name="connsiteY1" fmla="*/ 68465 h 139795"/>
                <a:gd name="connsiteX2" fmla="*/ 121955 w 141364"/>
                <a:gd name="connsiteY2" fmla="*/ 116933 h 139795"/>
                <a:gd name="connsiteX3" fmla="*/ 68700 w 141364"/>
                <a:gd name="connsiteY3" fmla="*/ 139710 h 139795"/>
                <a:gd name="connsiteX4" fmla="*/ 17283 w 141364"/>
                <a:gd name="connsiteY4" fmla="*/ 116933 h 139795"/>
                <a:gd name="connsiteX5" fmla="*/ 144 w 141364"/>
                <a:gd name="connsiteY5" fmla="*/ 67817 h 139795"/>
                <a:gd name="connsiteX6" fmla="*/ 26744 w 141364"/>
                <a:gd name="connsiteY6" fmla="*/ 15247 h 139795"/>
                <a:gd name="connsiteX7" fmla="*/ 71781 w 141364"/>
                <a:gd name="connsiteY7" fmla="*/ 27 h 139795"/>
                <a:gd name="connsiteX8" fmla="*/ 119738 w 141364"/>
                <a:gd name="connsiteY8" fmla="*/ 18702 h 139795"/>
                <a:gd name="connsiteX9" fmla="*/ 102923 w 141364"/>
                <a:gd name="connsiteY9" fmla="*/ 67817 h 139795"/>
                <a:gd name="connsiteX10" fmla="*/ 69889 w 141364"/>
                <a:gd name="connsiteY10" fmla="*/ 12657 h 139795"/>
                <a:gd name="connsiteX11" fmla="*/ 49939 w 141364"/>
                <a:gd name="connsiteY11" fmla="*/ 21292 h 139795"/>
                <a:gd name="connsiteX12" fmla="*/ 36314 w 141364"/>
                <a:gd name="connsiteY12" fmla="*/ 68735 h 139795"/>
                <a:gd name="connsiteX13" fmla="*/ 46154 w 141364"/>
                <a:gd name="connsiteY13" fmla="*/ 112777 h 139795"/>
                <a:gd name="connsiteX14" fmla="*/ 71187 w 141364"/>
                <a:gd name="connsiteY14" fmla="*/ 126432 h 139795"/>
                <a:gd name="connsiteX15" fmla="*/ 102923 w 141364"/>
                <a:gd name="connsiteY15" fmla="*/ 67817 h 139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41364" h="139795">
                  <a:moveTo>
                    <a:pt x="119738" y="18432"/>
                  </a:moveTo>
                  <a:cubicBezTo>
                    <a:pt x="133579" y="31398"/>
                    <a:pt x="141411" y="49516"/>
                    <a:pt x="141364" y="68465"/>
                  </a:cubicBezTo>
                  <a:cubicBezTo>
                    <a:pt x="141122" y="86462"/>
                    <a:pt x="134207" y="103730"/>
                    <a:pt x="121955" y="116933"/>
                  </a:cubicBezTo>
                  <a:cubicBezTo>
                    <a:pt x="108309" y="131816"/>
                    <a:pt x="88906" y="140114"/>
                    <a:pt x="68700" y="139710"/>
                  </a:cubicBezTo>
                  <a:cubicBezTo>
                    <a:pt x="48900" y="140752"/>
                    <a:pt x="29794" y="132288"/>
                    <a:pt x="17283" y="116933"/>
                  </a:cubicBezTo>
                  <a:cubicBezTo>
                    <a:pt x="5143" y="103553"/>
                    <a:pt x="-1041" y="85831"/>
                    <a:pt x="144" y="67817"/>
                  </a:cubicBezTo>
                  <a:cubicBezTo>
                    <a:pt x="944" y="47270"/>
                    <a:pt x="10652" y="28084"/>
                    <a:pt x="26744" y="15247"/>
                  </a:cubicBezTo>
                  <a:cubicBezTo>
                    <a:pt x="39455" y="4969"/>
                    <a:pt x="55430" y="-430"/>
                    <a:pt x="71781" y="27"/>
                  </a:cubicBezTo>
                  <a:cubicBezTo>
                    <a:pt x="89613" y="-331"/>
                    <a:pt x="106859" y="6385"/>
                    <a:pt x="119738" y="18702"/>
                  </a:cubicBezTo>
                  <a:moveTo>
                    <a:pt x="102923" y="67817"/>
                  </a:moveTo>
                  <a:cubicBezTo>
                    <a:pt x="102923" y="32951"/>
                    <a:pt x="84541" y="12657"/>
                    <a:pt x="69889" y="12657"/>
                  </a:cubicBezTo>
                  <a:cubicBezTo>
                    <a:pt x="62264" y="12327"/>
                    <a:pt x="54909" y="15510"/>
                    <a:pt x="49939" y="21292"/>
                  </a:cubicBezTo>
                  <a:cubicBezTo>
                    <a:pt x="40098" y="32087"/>
                    <a:pt x="36314" y="45634"/>
                    <a:pt x="36314" y="68735"/>
                  </a:cubicBezTo>
                  <a:cubicBezTo>
                    <a:pt x="36314" y="87140"/>
                    <a:pt x="37557" y="99176"/>
                    <a:pt x="46154" y="112777"/>
                  </a:cubicBezTo>
                  <a:cubicBezTo>
                    <a:pt x="51131" y="121798"/>
                    <a:pt x="60893" y="127123"/>
                    <a:pt x="71187" y="126432"/>
                  </a:cubicBezTo>
                  <a:cubicBezTo>
                    <a:pt x="92110" y="126432"/>
                    <a:pt x="102923" y="100147"/>
                    <a:pt x="102923" y="67817"/>
                  </a:cubicBezTo>
                </a:path>
              </a:pathLst>
            </a:custGeom>
            <a:solidFill>
              <a:srgbClr val="FFFFFF"/>
            </a:solidFill>
            <a:ln w="5397"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828C66D5-10EC-46BC-BBBB-2F784B71D558}"/>
                </a:ext>
              </a:extLst>
            </p:cNvPr>
            <p:cNvSpPr/>
            <p:nvPr/>
          </p:nvSpPr>
          <p:spPr>
            <a:xfrm>
              <a:off x="1075235" y="575910"/>
              <a:ext cx="122797" cy="139718"/>
            </a:xfrm>
            <a:custGeom>
              <a:avLst/>
              <a:gdLst>
                <a:gd name="connsiteX0" fmla="*/ 33187 w 122797"/>
                <a:gd name="connsiteY0" fmla="*/ 65578 h 139718"/>
                <a:gd name="connsiteX1" fmla="*/ 74385 w 122797"/>
                <a:gd name="connsiteY1" fmla="*/ 116906 h 139718"/>
                <a:gd name="connsiteX2" fmla="*/ 112826 w 122797"/>
                <a:gd name="connsiteY2" fmla="*/ 98501 h 139718"/>
                <a:gd name="connsiteX3" fmla="*/ 116665 w 122797"/>
                <a:gd name="connsiteY3" fmla="*/ 96936 h 139718"/>
                <a:gd name="connsiteX4" fmla="*/ 121369 w 122797"/>
                <a:gd name="connsiteY4" fmla="*/ 99743 h 139718"/>
                <a:gd name="connsiteX5" fmla="*/ 121369 w 122797"/>
                <a:gd name="connsiteY5" fmla="*/ 106112 h 139718"/>
                <a:gd name="connsiteX6" fmla="*/ 63626 w 122797"/>
                <a:gd name="connsiteY6" fmla="*/ 139683 h 139718"/>
                <a:gd name="connsiteX7" fmla="*/ 17940 w 122797"/>
                <a:gd name="connsiteY7" fmla="*/ 122628 h 139718"/>
                <a:gd name="connsiteX8" fmla="*/ 152 w 122797"/>
                <a:gd name="connsiteY8" fmla="*/ 70327 h 139718"/>
                <a:gd name="connsiteX9" fmla="*/ 15561 w 122797"/>
                <a:gd name="connsiteY9" fmla="*/ 23424 h 139718"/>
                <a:gd name="connsiteX10" fmla="*/ 70763 w 122797"/>
                <a:gd name="connsiteY10" fmla="*/ 0 h 139718"/>
                <a:gd name="connsiteX11" fmla="*/ 118719 w 122797"/>
                <a:gd name="connsiteY11" fmla="*/ 50735 h 139718"/>
                <a:gd name="connsiteX12" fmla="*/ 109798 w 122797"/>
                <a:gd name="connsiteY12" fmla="*/ 55808 h 139718"/>
                <a:gd name="connsiteX13" fmla="*/ 33024 w 122797"/>
                <a:gd name="connsiteY13" fmla="*/ 55808 h 139718"/>
                <a:gd name="connsiteX14" fmla="*/ 33024 w 122797"/>
                <a:gd name="connsiteY14" fmla="*/ 65578 h 139718"/>
                <a:gd name="connsiteX15" fmla="*/ 72547 w 122797"/>
                <a:gd name="connsiteY15" fmla="*/ 44366 h 139718"/>
                <a:gd name="connsiteX16" fmla="*/ 82982 w 122797"/>
                <a:gd name="connsiteY16" fmla="*/ 39940 h 139718"/>
                <a:gd name="connsiteX17" fmla="*/ 63355 w 122797"/>
                <a:gd name="connsiteY17" fmla="*/ 11712 h 139718"/>
                <a:gd name="connsiteX18" fmla="*/ 34160 w 122797"/>
                <a:gd name="connsiteY18" fmla="*/ 44366 h 139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2797" h="139718">
                  <a:moveTo>
                    <a:pt x="33187" y="65578"/>
                  </a:moveTo>
                  <a:cubicBezTo>
                    <a:pt x="33187" y="97962"/>
                    <a:pt x="56327" y="116906"/>
                    <a:pt x="74385" y="116906"/>
                  </a:cubicBezTo>
                  <a:cubicBezTo>
                    <a:pt x="94119" y="116906"/>
                    <a:pt x="106122" y="108594"/>
                    <a:pt x="112826" y="98501"/>
                  </a:cubicBezTo>
                  <a:cubicBezTo>
                    <a:pt x="114124" y="96288"/>
                    <a:pt x="115367" y="96288"/>
                    <a:pt x="116665" y="96936"/>
                  </a:cubicBezTo>
                  <a:lnTo>
                    <a:pt x="121369" y="99743"/>
                  </a:lnTo>
                  <a:cubicBezTo>
                    <a:pt x="122936" y="100714"/>
                    <a:pt x="123585" y="102010"/>
                    <a:pt x="121369" y="106112"/>
                  </a:cubicBezTo>
                  <a:cubicBezTo>
                    <a:pt x="110173" y="127440"/>
                    <a:pt x="87733" y="140486"/>
                    <a:pt x="63626" y="139683"/>
                  </a:cubicBezTo>
                  <a:cubicBezTo>
                    <a:pt x="43351" y="139683"/>
                    <a:pt x="29023" y="135257"/>
                    <a:pt x="17940" y="122628"/>
                  </a:cubicBezTo>
                  <a:cubicBezTo>
                    <a:pt x="3342" y="105788"/>
                    <a:pt x="152" y="89974"/>
                    <a:pt x="152" y="70327"/>
                  </a:cubicBezTo>
                  <a:cubicBezTo>
                    <a:pt x="-1009" y="53288"/>
                    <a:pt x="4517" y="36467"/>
                    <a:pt x="15561" y="23424"/>
                  </a:cubicBezTo>
                  <a:cubicBezTo>
                    <a:pt x="28861" y="6369"/>
                    <a:pt x="43189" y="0"/>
                    <a:pt x="70763" y="0"/>
                  </a:cubicBezTo>
                  <a:cubicBezTo>
                    <a:pt x="106933" y="0"/>
                    <a:pt x="118719" y="37781"/>
                    <a:pt x="118719" y="50735"/>
                  </a:cubicBezTo>
                  <a:cubicBezTo>
                    <a:pt x="118719" y="55431"/>
                    <a:pt x="115529" y="55808"/>
                    <a:pt x="109798" y="55808"/>
                  </a:cubicBezTo>
                  <a:lnTo>
                    <a:pt x="33024" y="55808"/>
                  </a:lnTo>
                  <a:lnTo>
                    <a:pt x="33024" y="65578"/>
                  </a:lnTo>
                  <a:close/>
                  <a:moveTo>
                    <a:pt x="72547" y="44366"/>
                  </a:moveTo>
                  <a:cubicBezTo>
                    <a:pt x="79143" y="44366"/>
                    <a:pt x="82982" y="42477"/>
                    <a:pt x="82982" y="39940"/>
                  </a:cubicBezTo>
                  <a:cubicBezTo>
                    <a:pt x="82982" y="30441"/>
                    <a:pt x="79846" y="11712"/>
                    <a:pt x="63355" y="11712"/>
                  </a:cubicBezTo>
                  <a:cubicBezTo>
                    <a:pt x="47784" y="11712"/>
                    <a:pt x="38215" y="23155"/>
                    <a:pt x="34160" y="44366"/>
                  </a:cubicBezTo>
                  <a:close/>
                </a:path>
              </a:pathLst>
            </a:custGeom>
            <a:solidFill>
              <a:srgbClr val="FFFFFF"/>
            </a:solidFill>
            <a:ln w="5397"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3337060E-BA30-43F7-ABC2-07C5BCABEB2D}"/>
                </a:ext>
              </a:extLst>
            </p:cNvPr>
            <p:cNvSpPr/>
            <p:nvPr/>
          </p:nvSpPr>
          <p:spPr>
            <a:xfrm>
              <a:off x="1209903" y="573989"/>
              <a:ext cx="109219" cy="138742"/>
            </a:xfrm>
            <a:custGeom>
              <a:avLst/>
              <a:gdLst>
                <a:gd name="connsiteX0" fmla="*/ 21897 w 109219"/>
                <a:gd name="connsiteY0" fmla="*/ 56434 h 138742"/>
                <a:gd name="connsiteX1" fmla="*/ 9840 w 109219"/>
                <a:gd name="connsiteY1" fmla="*/ 31714 h 138742"/>
                <a:gd name="connsiteX2" fmla="*/ 4433 w 109219"/>
                <a:gd name="connsiteY2" fmla="*/ 28529 h 138742"/>
                <a:gd name="connsiteX3" fmla="*/ 1892 w 109219"/>
                <a:gd name="connsiteY3" fmla="*/ 25993 h 138742"/>
                <a:gd name="connsiteX4" fmla="*/ 1892 w 109219"/>
                <a:gd name="connsiteY4" fmla="*/ 24103 h 138742"/>
                <a:gd name="connsiteX5" fmla="*/ 4433 w 109219"/>
                <a:gd name="connsiteY5" fmla="*/ 21243 h 138742"/>
                <a:gd name="connsiteX6" fmla="*/ 42820 w 109219"/>
                <a:gd name="connsiteY6" fmla="*/ 3162 h 138742"/>
                <a:gd name="connsiteX7" fmla="*/ 47903 w 109219"/>
                <a:gd name="connsiteY7" fmla="*/ 1920 h 138742"/>
                <a:gd name="connsiteX8" fmla="*/ 50768 w 109219"/>
                <a:gd name="connsiteY8" fmla="*/ 5753 h 138742"/>
                <a:gd name="connsiteX9" fmla="*/ 53580 w 109219"/>
                <a:gd name="connsiteY9" fmla="*/ 28529 h 138742"/>
                <a:gd name="connsiteX10" fmla="*/ 54877 w 109219"/>
                <a:gd name="connsiteY10" fmla="*/ 28529 h 138742"/>
                <a:gd name="connsiteX11" fmla="*/ 92723 w 109219"/>
                <a:gd name="connsiteY11" fmla="*/ 31 h 138742"/>
                <a:gd name="connsiteX12" fmla="*/ 109188 w 109219"/>
                <a:gd name="connsiteY12" fmla="*/ 14514 h 138742"/>
                <a:gd name="connsiteX13" fmla="*/ 109214 w 109219"/>
                <a:gd name="connsiteY13" fmla="*/ 15900 h 138742"/>
                <a:gd name="connsiteX14" fmla="*/ 92021 w 109219"/>
                <a:gd name="connsiteY14" fmla="*/ 32739 h 138742"/>
                <a:gd name="connsiteX15" fmla="*/ 81207 w 109219"/>
                <a:gd name="connsiteY15" fmla="*/ 30256 h 138742"/>
                <a:gd name="connsiteX16" fmla="*/ 72341 w 109219"/>
                <a:gd name="connsiteY16" fmla="*/ 27666 h 138742"/>
                <a:gd name="connsiteX17" fmla="*/ 59311 w 109219"/>
                <a:gd name="connsiteY17" fmla="*/ 37111 h 138742"/>
                <a:gd name="connsiteX18" fmla="*/ 55472 w 109219"/>
                <a:gd name="connsiteY18" fmla="*/ 52655 h 138742"/>
                <a:gd name="connsiteX19" fmla="*/ 55472 w 109219"/>
                <a:gd name="connsiteY19" fmla="*/ 113699 h 138742"/>
                <a:gd name="connsiteX20" fmla="*/ 64393 w 109219"/>
                <a:gd name="connsiteY20" fmla="*/ 126977 h 138742"/>
                <a:gd name="connsiteX21" fmla="*/ 78396 w 109219"/>
                <a:gd name="connsiteY21" fmla="*/ 126977 h 138742"/>
                <a:gd name="connsiteX22" fmla="*/ 80883 w 109219"/>
                <a:gd name="connsiteY22" fmla="*/ 129190 h 138742"/>
                <a:gd name="connsiteX23" fmla="*/ 80883 w 109219"/>
                <a:gd name="connsiteY23" fmla="*/ 136530 h 138742"/>
                <a:gd name="connsiteX24" fmla="*/ 78666 w 109219"/>
                <a:gd name="connsiteY24" fmla="*/ 138743 h 138742"/>
                <a:gd name="connsiteX25" fmla="*/ 39306 w 109219"/>
                <a:gd name="connsiteY25" fmla="*/ 137771 h 138742"/>
                <a:gd name="connsiteX26" fmla="*/ 2217 w 109219"/>
                <a:gd name="connsiteY26" fmla="*/ 138743 h 138742"/>
                <a:gd name="connsiteX27" fmla="*/ 0 w 109219"/>
                <a:gd name="connsiteY27" fmla="*/ 136530 h 138742"/>
                <a:gd name="connsiteX28" fmla="*/ 0 w 109219"/>
                <a:gd name="connsiteY28" fmla="*/ 129891 h 138742"/>
                <a:gd name="connsiteX29" fmla="*/ 2811 w 109219"/>
                <a:gd name="connsiteY29" fmla="*/ 127301 h 138742"/>
                <a:gd name="connsiteX30" fmla="*/ 13949 w 109219"/>
                <a:gd name="connsiteY30" fmla="*/ 127301 h 138742"/>
                <a:gd name="connsiteX31" fmla="*/ 22208 w 109219"/>
                <a:gd name="connsiteY31" fmla="*/ 120868 h 138742"/>
                <a:gd name="connsiteX32" fmla="*/ 22167 w 109219"/>
                <a:gd name="connsiteY32" fmla="*/ 118773 h 138742"/>
                <a:gd name="connsiteX33" fmla="*/ 22167 w 109219"/>
                <a:gd name="connsiteY33" fmla="*/ 56434 h 1387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09219" h="138742">
                  <a:moveTo>
                    <a:pt x="21897" y="56434"/>
                  </a:moveTo>
                  <a:cubicBezTo>
                    <a:pt x="21897" y="41861"/>
                    <a:pt x="19356" y="36787"/>
                    <a:pt x="9840" y="31714"/>
                  </a:cubicBezTo>
                  <a:lnTo>
                    <a:pt x="4433" y="28529"/>
                  </a:lnTo>
                  <a:cubicBezTo>
                    <a:pt x="2541" y="27882"/>
                    <a:pt x="1892" y="27288"/>
                    <a:pt x="1892" y="25993"/>
                  </a:cubicBezTo>
                  <a:lnTo>
                    <a:pt x="1892" y="24103"/>
                  </a:lnTo>
                  <a:cubicBezTo>
                    <a:pt x="1892" y="22862"/>
                    <a:pt x="2541" y="22214"/>
                    <a:pt x="4433" y="21243"/>
                  </a:cubicBezTo>
                  <a:lnTo>
                    <a:pt x="42820" y="3162"/>
                  </a:lnTo>
                  <a:cubicBezTo>
                    <a:pt x="44432" y="2465"/>
                    <a:pt x="46151" y="2045"/>
                    <a:pt x="47903" y="1920"/>
                  </a:cubicBezTo>
                  <a:cubicBezTo>
                    <a:pt x="49795" y="1920"/>
                    <a:pt x="50390" y="3863"/>
                    <a:pt x="50768" y="5753"/>
                  </a:cubicBezTo>
                  <a:lnTo>
                    <a:pt x="53580" y="28529"/>
                  </a:lnTo>
                  <a:lnTo>
                    <a:pt x="54877" y="28529"/>
                  </a:lnTo>
                  <a:cubicBezTo>
                    <a:pt x="65690" y="10826"/>
                    <a:pt x="78991" y="31"/>
                    <a:pt x="92723" y="31"/>
                  </a:cubicBezTo>
                  <a:cubicBezTo>
                    <a:pt x="101276" y="-508"/>
                    <a:pt x="108648" y="5976"/>
                    <a:pt x="109188" y="14514"/>
                  </a:cubicBezTo>
                  <a:cubicBezTo>
                    <a:pt x="109217" y="14975"/>
                    <a:pt x="109226" y="15438"/>
                    <a:pt x="109214" y="15900"/>
                  </a:cubicBezTo>
                  <a:cubicBezTo>
                    <a:pt x="108478" y="25001"/>
                    <a:pt x="101150" y="32178"/>
                    <a:pt x="92021" y="32739"/>
                  </a:cubicBezTo>
                  <a:cubicBezTo>
                    <a:pt x="88276" y="32726"/>
                    <a:pt x="84582" y="31878"/>
                    <a:pt x="81207" y="30256"/>
                  </a:cubicBezTo>
                  <a:cubicBezTo>
                    <a:pt x="78625" y="28428"/>
                    <a:pt x="75503" y="27516"/>
                    <a:pt x="72341" y="27666"/>
                  </a:cubicBezTo>
                  <a:cubicBezTo>
                    <a:pt x="66660" y="28369"/>
                    <a:pt x="61739" y="31936"/>
                    <a:pt x="59311" y="37111"/>
                  </a:cubicBezTo>
                  <a:cubicBezTo>
                    <a:pt x="56873" y="41937"/>
                    <a:pt x="55561" y="47251"/>
                    <a:pt x="55472" y="52655"/>
                  </a:cubicBezTo>
                  <a:lnTo>
                    <a:pt x="55472" y="113699"/>
                  </a:lnTo>
                  <a:cubicBezTo>
                    <a:pt x="55472" y="123792"/>
                    <a:pt x="58067" y="126977"/>
                    <a:pt x="64393" y="126977"/>
                  </a:cubicBezTo>
                  <a:lnTo>
                    <a:pt x="78396" y="126977"/>
                  </a:lnTo>
                  <a:cubicBezTo>
                    <a:pt x="80234" y="126977"/>
                    <a:pt x="80883" y="127624"/>
                    <a:pt x="80883" y="129190"/>
                  </a:cubicBezTo>
                  <a:lnTo>
                    <a:pt x="80883" y="136530"/>
                  </a:lnTo>
                  <a:cubicBezTo>
                    <a:pt x="80883" y="138095"/>
                    <a:pt x="80234" y="138743"/>
                    <a:pt x="78666" y="138743"/>
                  </a:cubicBezTo>
                  <a:cubicBezTo>
                    <a:pt x="77098" y="138743"/>
                    <a:pt x="62446" y="137771"/>
                    <a:pt x="39306" y="137771"/>
                  </a:cubicBezTo>
                  <a:cubicBezTo>
                    <a:pt x="17139" y="137771"/>
                    <a:pt x="4758" y="138743"/>
                    <a:pt x="2217" y="138743"/>
                  </a:cubicBezTo>
                  <a:cubicBezTo>
                    <a:pt x="595" y="138743"/>
                    <a:pt x="0" y="138095"/>
                    <a:pt x="0" y="136530"/>
                  </a:cubicBezTo>
                  <a:lnTo>
                    <a:pt x="0" y="129891"/>
                  </a:lnTo>
                  <a:cubicBezTo>
                    <a:pt x="0" y="127948"/>
                    <a:pt x="595" y="127301"/>
                    <a:pt x="2811" y="127301"/>
                  </a:cubicBezTo>
                  <a:lnTo>
                    <a:pt x="13949" y="127301"/>
                  </a:lnTo>
                  <a:cubicBezTo>
                    <a:pt x="18009" y="127801"/>
                    <a:pt x="21707" y="124921"/>
                    <a:pt x="22208" y="120868"/>
                  </a:cubicBezTo>
                  <a:cubicBezTo>
                    <a:pt x="22294" y="120171"/>
                    <a:pt x="22280" y="119466"/>
                    <a:pt x="22167" y="118773"/>
                  </a:cubicBezTo>
                  <a:lnTo>
                    <a:pt x="22167" y="56434"/>
                  </a:lnTo>
                  <a:close/>
                </a:path>
              </a:pathLst>
            </a:custGeom>
            <a:solidFill>
              <a:srgbClr val="FFFFFF"/>
            </a:solidFill>
            <a:ln w="5397"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6F505896-41C6-4605-86A9-F22C8D659801}"/>
                </a:ext>
              </a:extLst>
            </p:cNvPr>
            <p:cNvSpPr/>
            <p:nvPr/>
          </p:nvSpPr>
          <p:spPr>
            <a:xfrm>
              <a:off x="1328564" y="575866"/>
              <a:ext cx="95261" cy="139000"/>
            </a:xfrm>
            <a:custGeom>
              <a:avLst/>
              <a:gdLst>
                <a:gd name="connsiteX0" fmla="*/ 123 w 95261"/>
                <a:gd name="connsiteY0" fmla="*/ 96062 h 139000"/>
                <a:gd name="connsiteX1" fmla="*/ 1042 w 95261"/>
                <a:gd name="connsiteY1" fmla="*/ 93472 h 139000"/>
                <a:gd name="connsiteX2" fmla="*/ 7043 w 95261"/>
                <a:gd name="connsiteY2" fmla="*/ 91636 h 139000"/>
                <a:gd name="connsiteX3" fmla="*/ 9908 w 95261"/>
                <a:gd name="connsiteY3" fmla="*/ 92554 h 139000"/>
                <a:gd name="connsiteX4" fmla="*/ 20397 w 95261"/>
                <a:gd name="connsiteY4" fmla="*/ 110311 h 139000"/>
                <a:gd name="connsiteX5" fmla="*/ 47701 w 95261"/>
                <a:gd name="connsiteY5" fmla="*/ 127367 h 139000"/>
                <a:gd name="connsiteX6" fmla="*/ 70192 w 95261"/>
                <a:gd name="connsiteY6" fmla="*/ 108044 h 139000"/>
                <a:gd name="connsiteX7" fmla="*/ 39753 w 95261"/>
                <a:gd name="connsiteY7" fmla="*/ 83379 h 139000"/>
                <a:gd name="connsiteX8" fmla="*/ 1042 w 95261"/>
                <a:gd name="connsiteY8" fmla="*/ 43762 h 139000"/>
                <a:gd name="connsiteX9" fmla="*/ 17261 w 95261"/>
                <a:gd name="connsiteY9" fmla="*/ 10514 h 139000"/>
                <a:gd name="connsiteX10" fmla="*/ 50296 w 95261"/>
                <a:gd name="connsiteY10" fmla="*/ 44 h 139000"/>
                <a:gd name="connsiteX11" fmla="*/ 81222 w 95261"/>
                <a:gd name="connsiteY11" fmla="*/ 7006 h 139000"/>
                <a:gd name="connsiteX12" fmla="*/ 87223 w 95261"/>
                <a:gd name="connsiteY12" fmla="*/ 12404 h 139000"/>
                <a:gd name="connsiteX13" fmla="*/ 91386 w 95261"/>
                <a:gd name="connsiteY13" fmla="*/ 33993 h 139000"/>
                <a:gd name="connsiteX14" fmla="*/ 91062 w 95261"/>
                <a:gd name="connsiteY14" fmla="*/ 37501 h 139000"/>
                <a:gd name="connsiteX15" fmla="*/ 85006 w 95261"/>
                <a:gd name="connsiteY15" fmla="*/ 40308 h 139000"/>
                <a:gd name="connsiteX16" fmla="*/ 82542 w 95261"/>
                <a:gd name="connsiteY16" fmla="*/ 39084 h 139000"/>
                <a:gd name="connsiteX17" fmla="*/ 82519 w 95261"/>
                <a:gd name="connsiteY17" fmla="*/ 39012 h 139000"/>
                <a:gd name="connsiteX18" fmla="*/ 67219 w 95261"/>
                <a:gd name="connsiteY18" fmla="*/ 21957 h 139000"/>
                <a:gd name="connsiteX19" fmla="*/ 47268 w 95261"/>
                <a:gd name="connsiteY19" fmla="*/ 12188 h 139000"/>
                <a:gd name="connsiteX20" fmla="*/ 25371 w 95261"/>
                <a:gd name="connsiteY20" fmla="*/ 30215 h 139000"/>
                <a:gd name="connsiteX21" fmla="*/ 53918 w 95261"/>
                <a:gd name="connsiteY21" fmla="*/ 51804 h 139000"/>
                <a:gd name="connsiteX22" fmla="*/ 85655 w 95261"/>
                <a:gd name="connsiteY22" fmla="*/ 67996 h 139000"/>
                <a:gd name="connsiteX23" fmla="*/ 95171 w 95261"/>
                <a:gd name="connsiteY23" fmla="*/ 93418 h 139000"/>
                <a:gd name="connsiteX24" fmla="*/ 42240 w 95261"/>
                <a:gd name="connsiteY24" fmla="*/ 138971 h 139000"/>
                <a:gd name="connsiteX25" fmla="*/ 7908 w 95261"/>
                <a:gd name="connsiteY25" fmla="*/ 130767 h 139000"/>
                <a:gd name="connsiteX26" fmla="*/ 5529 w 95261"/>
                <a:gd name="connsiteY26" fmla="*/ 128014 h 139000"/>
                <a:gd name="connsiteX27" fmla="*/ 123 w 95261"/>
                <a:gd name="connsiteY27" fmla="*/ 96062 h 139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5261" h="139000">
                  <a:moveTo>
                    <a:pt x="123" y="96062"/>
                  </a:moveTo>
                  <a:cubicBezTo>
                    <a:pt x="-202" y="94767"/>
                    <a:pt x="123" y="93795"/>
                    <a:pt x="1042" y="93472"/>
                  </a:cubicBezTo>
                  <a:lnTo>
                    <a:pt x="7043" y="91636"/>
                  </a:lnTo>
                  <a:cubicBezTo>
                    <a:pt x="8341" y="91313"/>
                    <a:pt x="9260" y="91313"/>
                    <a:pt x="9908" y="92554"/>
                  </a:cubicBezTo>
                  <a:lnTo>
                    <a:pt x="20397" y="110311"/>
                  </a:lnTo>
                  <a:cubicBezTo>
                    <a:pt x="26128" y="119864"/>
                    <a:pt x="32130" y="127367"/>
                    <a:pt x="47701" y="127367"/>
                  </a:cubicBezTo>
                  <a:cubicBezTo>
                    <a:pt x="60082" y="127367"/>
                    <a:pt x="70192" y="119864"/>
                    <a:pt x="70192" y="108044"/>
                  </a:cubicBezTo>
                  <a:cubicBezTo>
                    <a:pt x="70192" y="95361"/>
                    <a:pt x="61974" y="89639"/>
                    <a:pt x="39753" y="83379"/>
                  </a:cubicBezTo>
                  <a:cubicBezTo>
                    <a:pt x="17532" y="77118"/>
                    <a:pt x="1042" y="66269"/>
                    <a:pt x="1042" y="43762"/>
                  </a:cubicBezTo>
                  <a:cubicBezTo>
                    <a:pt x="431" y="30647"/>
                    <a:pt x="6541" y="18121"/>
                    <a:pt x="17261" y="10514"/>
                  </a:cubicBezTo>
                  <a:cubicBezTo>
                    <a:pt x="26766" y="3388"/>
                    <a:pt x="38414" y="-304"/>
                    <a:pt x="50296" y="44"/>
                  </a:cubicBezTo>
                  <a:cubicBezTo>
                    <a:pt x="61036" y="-360"/>
                    <a:pt x="71695" y="2040"/>
                    <a:pt x="81222" y="7006"/>
                  </a:cubicBezTo>
                  <a:cubicBezTo>
                    <a:pt x="85980" y="9543"/>
                    <a:pt x="86899" y="10838"/>
                    <a:pt x="87223" y="12404"/>
                  </a:cubicBezTo>
                  <a:lnTo>
                    <a:pt x="91386" y="33993"/>
                  </a:lnTo>
                  <a:cubicBezTo>
                    <a:pt x="91744" y="35159"/>
                    <a:pt x="91628" y="36420"/>
                    <a:pt x="91062" y="37501"/>
                  </a:cubicBezTo>
                  <a:lnTo>
                    <a:pt x="85006" y="40308"/>
                  </a:lnTo>
                  <a:cubicBezTo>
                    <a:pt x="83987" y="40649"/>
                    <a:pt x="82884" y="40101"/>
                    <a:pt x="82542" y="39084"/>
                  </a:cubicBezTo>
                  <a:cubicBezTo>
                    <a:pt x="82534" y="39060"/>
                    <a:pt x="82526" y="39036"/>
                    <a:pt x="82519" y="39012"/>
                  </a:cubicBezTo>
                  <a:lnTo>
                    <a:pt x="67219" y="21957"/>
                  </a:lnTo>
                  <a:cubicBezTo>
                    <a:pt x="62397" y="15848"/>
                    <a:pt x="55058" y="12255"/>
                    <a:pt x="47268" y="12188"/>
                  </a:cubicBezTo>
                  <a:cubicBezTo>
                    <a:pt x="35536" y="12188"/>
                    <a:pt x="25371" y="19096"/>
                    <a:pt x="25371" y="30215"/>
                  </a:cubicBezTo>
                  <a:cubicBezTo>
                    <a:pt x="25371" y="43168"/>
                    <a:pt x="34887" y="47054"/>
                    <a:pt x="53918" y="51804"/>
                  </a:cubicBezTo>
                  <a:cubicBezTo>
                    <a:pt x="68570" y="55582"/>
                    <a:pt x="77437" y="59414"/>
                    <a:pt x="85655" y="67996"/>
                  </a:cubicBezTo>
                  <a:cubicBezTo>
                    <a:pt x="92402" y="74670"/>
                    <a:pt x="95880" y="83962"/>
                    <a:pt x="95171" y="93418"/>
                  </a:cubicBezTo>
                  <a:cubicBezTo>
                    <a:pt x="95171" y="119972"/>
                    <a:pt x="73544" y="138971"/>
                    <a:pt x="42240" y="138971"/>
                  </a:cubicBezTo>
                  <a:cubicBezTo>
                    <a:pt x="30269" y="139326"/>
                    <a:pt x="18420" y="136495"/>
                    <a:pt x="7908" y="130767"/>
                  </a:cubicBezTo>
                  <a:cubicBezTo>
                    <a:pt x="6941" y="130015"/>
                    <a:pt x="6133" y="129080"/>
                    <a:pt x="5529" y="128014"/>
                  </a:cubicBezTo>
                  <a:lnTo>
                    <a:pt x="123" y="96062"/>
                  </a:lnTo>
                  <a:close/>
                </a:path>
              </a:pathLst>
            </a:custGeom>
            <a:solidFill>
              <a:srgbClr val="FFFFFF"/>
            </a:solidFill>
            <a:ln w="5397"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98759A6A-868E-40EA-82D8-C6F8B5B9035F}"/>
                </a:ext>
              </a:extLst>
            </p:cNvPr>
            <p:cNvSpPr/>
            <p:nvPr/>
          </p:nvSpPr>
          <p:spPr>
            <a:xfrm>
              <a:off x="821168" y="482806"/>
              <a:ext cx="243892" cy="229980"/>
            </a:xfrm>
            <a:custGeom>
              <a:avLst/>
              <a:gdLst>
                <a:gd name="connsiteX0" fmla="*/ 240757 w 243892"/>
                <a:gd name="connsiteY0" fmla="*/ 218214 h 229980"/>
                <a:gd name="connsiteX1" fmla="*/ 228051 w 243892"/>
                <a:gd name="connsiteY1" fmla="*/ 218214 h 229980"/>
                <a:gd name="connsiteX2" fmla="*/ 222969 w 243892"/>
                <a:gd name="connsiteY2" fmla="*/ 210010 h 229980"/>
                <a:gd name="connsiteX3" fmla="*/ 222320 w 243892"/>
                <a:gd name="connsiteY3" fmla="*/ 182700 h 229980"/>
                <a:gd name="connsiteX4" fmla="*/ 222320 w 243892"/>
                <a:gd name="connsiteY4" fmla="*/ 148535 h 229980"/>
                <a:gd name="connsiteX5" fmla="*/ 222969 w 243892"/>
                <a:gd name="connsiteY5" fmla="*/ 96936 h 229980"/>
                <a:gd name="connsiteX6" fmla="*/ 220428 w 243892"/>
                <a:gd name="connsiteY6" fmla="*/ 93104 h 229980"/>
                <a:gd name="connsiteX7" fmla="*/ 212804 w 243892"/>
                <a:gd name="connsiteY7" fmla="*/ 95047 h 229980"/>
                <a:gd name="connsiteX8" fmla="*/ 171552 w 243892"/>
                <a:gd name="connsiteY8" fmla="*/ 110214 h 229980"/>
                <a:gd name="connsiteX9" fmla="*/ 169335 w 243892"/>
                <a:gd name="connsiteY9" fmla="*/ 112750 h 229980"/>
                <a:gd name="connsiteX10" fmla="*/ 169335 w 243892"/>
                <a:gd name="connsiteY10" fmla="*/ 116259 h 229980"/>
                <a:gd name="connsiteX11" fmla="*/ 172471 w 243892"/>
                <a:gd name="connsiteY11" fmla="*/ 119065 h 229980"/>
                <a:gd name="connsiteX12" fmla="*/ 189015 w 243892"/>
                <a:gd name="connsiteY12" fmla="*/ 138712 h 229980"/>
                <a:gd name="connsiteX13" fmla="*/ 189015 w 243892"/>
                <a:gd name="connsiteY13" fmla="*/ 183294 h 229980"/>
                <a:gd name="connsiteX14" fmla="*/ 188367 w 243892"/>
                <a:gd name="connsiteY14" fmla="*/ 211791 h 229980"/>
                <a:gd name="connsiteX15" fmla="*/ 183284 w 243892"/>
                <a:gd name="connsiteY15" fmla="*/ 218106 h 229980"/>
                <a:gd name="connsiteX16" fmla="*/ 167605 w 243892"/>
                <a:gd name="connsiteY16" fmla="*/ 218592 h 229980"/>
                <a:gd name="connsiteX17" fmla="*/ 150466 w 243892"/>
                <a:gd name="connsiteY17" fmla="*/ 218106 h 229980"/>
                <a:gd name="connsiteX18" fmla="*/ 142248 w 243892"/>
                <a:gd name="connsiteY18" fmla="*/ 207959 h 229980"/>
                <a:gd name="connsiteX19" fmla="*/ 141599 w 243892"/>
                <a:gd name="connsiteY19" fmla="*/ 151611 h 229980"/>
                <a:gd name="connsiteX20" fmla="*/ 141599 w 243892"/>
                <a:gd name="connsiteY20" fmla="*/ 106058 h 229980"/>
                <a:gd name="connsiteX21" fmla="*/ 142897 w 243892"/>
                <a:gd name="connsiteY21" fmla="*/ 5721 h 229980"/>
                <a:gd name="connsiteX22" fmla="*/ 139707 w 243892"/>
                <a:gd name="connsiteY22" fmla="*/ 0 h 229980"/>
                <a:gd name="connsiteX23" fmla="*/ 132732 w 243892"/>
                <a:gd name="connsiteY23" fmla="*/ 1889 h 229980"/>
                <a:gd name="connsiteX24" fmla="*/ 85154 w 243892"/>
                <a:gd name="connsiteY24" fmla="*/ 20294 h 229980"/>
                <a:gd name="connsiteX25" fmla="*/ 82613 w 243892"/>
                <a:gd name="connsiteY25" fmla="*/ 22777 h 229980"/>
                <a:gd name="connsiteX26" fmla="*/ 82613 w 243892"/>
                <a:gd name="connsiteY26" fmla="*/ 26771 h 229980"/>
                <a:gd name="connsiteX27" fmla="*/ 84505 w 243892"/>
                <a:gd name="connsiteY27" fmla="*/ 29415 h 229980"/>
                <a:gd name="connsiteX28" fmla="*/ 90831 w 243892"/>
                <a:gd name="connsiteY28" fmla="*/ 31251 h 229980"/>
                <a:gd name="connsiteX29" fmla="*/ 107051 w 243892"/>
                <a:gd name="connsiteY29" fmla="*/ 50249 h 229980"/>
                <a:gd name="connsiteX30" fmla="*/ 108349 w 243892"/>
                <a:gd name="connsiteY30" fmla="*/ 107893 h 229980"/>
                <a:gd name="connsiteX31" fmla="*/ 108349 w 243892"/>
                <a:gd name="connsiteY31" fmla="*/ 206880 h 229980"/>
                <a:gd name="connsiteX32" fmla="*/ 100401 w 243892"/>
                <a:gd name="connsiteY32" fmla="*/ 218214 h 229980"/>
                <a:gd name="connsiteX33" fmla="*/ 84181 w 243892"/>
                <a:gd name="connsiteY33" fmla="*/ 218700 h 229980"/>
                <a:gd name="connsiteX34" fmla="*/ 67961 w 243892"/>
                <a:gd name="connsiteY34" fmla="*/ 218214 h 229980"/>
                <a:gd name="connsiteX35" fmla="*/ 59689 w 243892"/>
                <a:gd name="connsiteY35" fmla="*/ 208067 h 229980"/>
                <a:gd name="connsiteX36" fmla="*/ 59040 w 243892"/>
                <a:gd name="connsiteY36" fmla="*/ 151719 h 229980"/>
                <a:gd name="connsiteX37" fmla="*/ 59040 w 243892"/>
                <a:gd name="connsiteY37" fmla="*/ 106058 h 229980"/>
                <a:gd name="connsiteX38" fmla="*/ 60284 w 243892"/>
                <a:gd name="connsiteY38" fmla="*/ 5721 h 229980"/>
                <a:gd name="connsiteX39" fmla="*/ 57148 w 243892"/>
                <a:gd name="connsiteY39" fmla="*/ 0 h 229980"/>
                <a:gd name="connsiteX40" fmla="*/ 50173 w 243892"/>
                <a:gd name="connsiteY40" fmla="*/ 1889 h 229980"/>
                <a:gd name="connsiteX41" fmla="*/ 2595 w 243892"/>
                <a:gd name="connsiteY41" fmla="*/ 20294 h 229980"/>
                <a:gd name="connsiteX42" fmla="*/ 0 w 243892"/>
                <a:gd name="connsiteY42" fmla="*/ 22777 h 229980"/>
                <a:gd name="connsiteX43" fmla="*/ 0 w 243892"/>
                <a:gd name="connsiteY43" fmla="*/ 26771 h 229980"/>
                <a:gd name="connsiteX44" fmla="*/ 1946 w 243892"/>
                <a:gd name="connsiteY44" fmla="*/ 29415 h 229980"/>
                <a:gd name="connsiteX45" fmla="*/ 8272 w 243892"/>
                <a:gd name="connsiteY45" fmla="*/ 31251 h 229980"/>
                <a:gd name="connsiteX46" fmla="*/ 24492 w 243892"/>
                <a:gd name="connsiteY46" fmla="*/ 50249 h 229980"/>
                <a:gd name="connsiteX47" fmla="*/ 25790 w 243892"/>
                <a:gd name="connsiteY47" fmla="*/ 107893 h 229980"/>
                <a:gd name="connsiteX48" fmla="*/ 25790 w 243892"/>
                <a:gd name="connsiteY48" fmla="*/ 206880 h 229980"/>
                <a:gd name="connsiteX49" fmla="*/ 17842 w 243892"/>
                <a:gd name="connsiteY49" fmla="*/ 218214 h 229980"/>
                <a:gd name="connsiteX50" fmla="*/ 5569 w 243892"/>
                <a:gd name="connsiteY50" fmla="*/ 218214 h 229980"/>
                <a:gd name="connsiteX51" fmla="*/ 1135 w 243892"/>
                <a:gd name="connsiteY51" fmla="*/ 220805 h 229980"/>
                <a:gd name="connsiteX52" fmla="*/ 1135 w 243892"/>
                <a:gd name="connsiteY52" fmla="*/ 226796 h 229980"/>
                <a:gd name="connsiteX53" fmla="*/ 3677 w 243892"/>
                <a:gd name="connsiteY53" fmla="*/ 229981 h 229980"/>
                <a:gd name="connsiteX54" fmla="*/ 125596 w 243892"/>
                <a:gd name="connsiteY54" fmla="*/ 229387 h 229980"/>
                <a:gd name="connsiteX55" fmla="*/ 241351 w 243892"/>
                <a:gd name="connsiteY55" fmla="*/ 229981 h 229980"/>
                <a:gd name="connsiteX56" fmla="*/ 243893 w 243892"/>
                <a:gd name="connsiteY56" fmla="*/ 226796 h 229980"/>
                <a:gd name="connsiteX57" fmla="*/ 243893 w 243892"/>
                <a:gd name="connsiteY57" fmla="*/ 220427 h 229980"/>
                <a:gd name="connsiteX58" fmla="*/ 240757 w 243892"/>
                <a:gd name="connsiteY58" fmla="*/ 218214 h 229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43892" h="229980">
                  <a:moveTo>
                    <a:pt x="240757" y="218214"/>
                  </a:moveTo>
                  <a:lnTo>
                    <a:pt x="228051" y="218214"/>
                  </a:lnTo>
                  <a:cubicBezTo>
                    <a:pt x="224861" y="218214"/>
                    <a:pt x="223564" y="215732"/>
                    <a:pt x="222969" y="210010"/>
                  </a:cubicBezTo>
                  <a:cubicBezTo>
                    <a:pt x="222320" y="206178"/>
                    <a:pt x="222320" y="194736"/>
                    <a:pt x="222320" y="182700"/>
                  </a:cubicBezTo>
                  <a:lnTo>
                    <a:pt x="222320" y="148535"/>
                  </a:lnTo>
                  <a:cubicBezTo>
                    <a:pt x="222320" y="122250"/>
                    <a:pt x="222320" y="102010"/>
                    <a:pt x="222969" y="96936"/>
                  </a:cubicBezTo>
                  <a:cubicBezTo>
                    <a:pt x="223293" y="94345"/>
                    <a:pt x="222320" y="93104"/>
                    <a:pt x="220428" y="93104"/>
                  </a:cubicBezTo>
                  <a:cubicBezTo>
                    <a:pt x="217789" y="93281"/>
                    <a:pt x="215205" y="93940"/>
                    <a:pt x="212804" y="95047"/>
                  </a:cubicBezTo>
                  <a:cubicBezTo>
                    <a:pt x="207398" y="97206"/>
                    <a:pt x="175985" y="108325"/>
                    <a:pt x="171552" y="110214"/>
                  </a:cubicBezTo>
                  <a:cubicBezTo>
                    <a:pt x="169930" y="110861"/>
                    <a:pt x="169335" y="111509"/>
                    <a:pt x="169335" y="112750"/>
                  </a:cubicBezTo>
                  <a:lnTo>
                    <a:pt x="169335" y="116259"/>
                  </a:lnTo>
                  <a:cubicBezTo>
                    <a:pt x="169335" y="117500"/>
                    <a:pt x="169335" y="118472"/>
                    <a:pt x="172471" y="119065"/>
                  </a:cubicBezTo>
                  <a:cubicBezTo>
                    <a:pt x="187123" y="122897"/>
                    <a:pt x="189015" y="129212"/>
                    <a:pt x="189015" y="138712"/>
                  </a:cubicBezTo>
                  <a:lnTo>
                    <a:pt x="189015" y="183294"/>
                  </a:lnTo>
                  <a:cubicBezTo>
                    <a:pt x="189015" y="192145"/>
                    <a:pt x="188691" y="202292"/>
                    <a:pt x="188367" y="211791"/>
                  </a:cubicBezTo>
                  <a:cubicBezTo>
                    <a:pt x="188042" y="217189"/>
                    <a:pt x="186474" y="218106"/>
                    <a:pt x="183284" y="218106"/>
                  </a:cubicBezTo>
                  <a:cubicBezTo>
                    <a:pt x="178075" y="218620"/>
                    <a:pt x="172837" y="218782"/>
                    <a:pt x="167605" y="218592"/>
                  </a:cubicBezTo>
                  <a:cubicBezTo>
                    <a:pt x="161888" y="218727"/>
                    <a:pt x="156167" y="218565"/>
                    <a:pt x="150466" y="218106"/>
                  </a:cubicBezTo>
                  <a:cubicBezTo>
                    <a:pt x="143492" y="218106"/>
                    <a:pt x="142897" y="213681"/>
                    <a:pt x="142248" y="207959"/>
                  </a:cubicBezTo>
                  <a:cubicBezTo>
                    <a:pt x="141599" y="198460"/>
                    <a:pt x="141599" y="166184"/>
                    <a:pt x="141599" y="151611"/>
                  </a:cubicBezTo>
                  <a:lnTo>
                    <a:pt x="141599" y="106058"/>
                  </a:lnTo>
                  <a:cubicBezTo>
                    <a:pt x="141599" y="88678"/>
                    <a:pt x="142248" y="22777"/>
                    <a:pt x="142897" y="5721"/>
                  </a:cubicBezTo>
                  <a:cubicBezTo>
                    <a:pt x="142897" y="1295"/>
                    <a:pt x="141599" y="0"/>
                    <a:pt x="139707" y="0"/>
                  </a:cubicBezTo>
                  <a:cubicBezTo>
                    <a:pt x="137308" y="315"/>
                    <a:pt x="134962" y="951"/>
                    <a:pt x="132732" y="1889"/>
                  </a:cubicBezTo>
                  <a:cubicBezTo>
                    <a:pt x="122568" y="8204"/>
                    <a:pt x="97806" y="16462"/>
                    <a:pt x="85154" y="20294"/>
                  </a:cubicBezTo>
                  <a:cubicBezTo>
                    <a:pt x="83208" y="20888"/>
                    <a:pt x="82613" y="22129"/>
                    <a:pt x="82613" y="22777"/>
                  </a:cubicBezTo>
                  <a:lnTo>
                    <a:pt x="82613" y="26771"/>
                  </a:lnTo>
                  <a:cubicBezTo>
                    <a:pt x="82613" y="28120"/>
                    <a:pt x="82613" y="28714"/>
                    <a:pt x="84505" y="29415"/>
                  </a:cubicBezTo>
                  <a:lnTo>
                    <a:pt x="90831" y="31251"/>
                  </a:lnTo>
                  <a:cubicBezTo>
                    <a:pt x="100996" y="34435"/>
                    <a:pt x="106402" y="39509"/>
                    <a:pt x="107051" y="50249"/>
                  </a:cubicBezTo>
                  <a:cubicBezTo>
                    <a:pt x="107700" y="58507"/>
                    <a:pt x="108349" y="85710"/>
                    <a:pt x="108349" y="107893"/>
                  </a:cubicBezTo>
                  <a:lnTo>
                    <a:pt x="108349" y="206880"/>
                  </a:lnTo>
                  <a:cubicBezTo>
                    <a:pt x="108349" y="215732"/>
                    <a:pt x="103537" y="218214"/>
                    <a:pt x="100401" y="218214"/>
                  </a:cubicBezTo>
                  <a:cubicBezTo>
                    <a:pt x="100401" y="218214"/>
                    <a:pt x="95643" y="218700"/>
                    <a:pt x="84181" y="218700"/>
                  </a:cubicBezTo>
                  <a:cubicBezTo>
                    <a:pt x="72719" y="218700"/>
                    <a:pt x="67961" y="218214"/>
                    <a:pt x="67961" y="218214"/>
                  </a:cubicBezTo>
                  <a:cubicBezTo>
                    <a:pt x="60933" y="218214"/>
                    <a:pt x="60284" y="213789"/>
                    <a:pt x="59689" y="208067"/>
                  </a:cubicBezTo>
                  <a:cubicBezTo>
                    <a:pt x="59040" y="198568"/>
                    <a:pt x="59040" y="166292"/>
                    <a:pt x="59040" y="151719"/>
                  </a:cubicBezTo>
                  <a:lnTo>
                    <a:pt x="59040" y="106058"/>
                  </a:lnTo>
                  <a:cubicBezTo>
                    <a:pt x="59040" y="88678"/>
                    <a:pt x="59689" y="22777"/>
                    <a:pt x="60284" y="5721"/>
                  </a:cubicBezTo>
                  <a:cubicBezTo>
                    <a:pt x="60284" y="1295"/>
                    <a:pt x="59040" y="0"/>
                    <a:pt x="57148" y="0"/>
                  </a:cubicBezTo>
                  <a:cubicBezTo>
                    <a:pt x="54751" y="325"/>
                    <a:pt x="52406" y="960"/>
                    <a:pt x="50173" y="1889"/>
                  </a:cubicBezTo>
                  <a:cubicBezTo>
                    <a:pt x="40009" y="8204"/>
                    <a:pt x="15301" y="16462"/>
                    <a:pt x="2595" y="20294"/>
                  </a:cubicBezTo>
                  <a:cubicBezTo>
                    <a:pt x="649" y="20888"/>
                    <a:pt x="0" y="22129"/>
                    <a:pt x="0" y="22777"/>
                  </a:cubicBezTo>
                  <a:lnTo>
                    <a:pt x="0" y="26771"/>
                  </a:lnTo>
                  <a:cubicBezTo>
                    <a:pt x="0" y="28120"/>
                    <a:pt x="0" y="28714"/>
                    <a:pt x="1946" y="29415"/>
                  </a:cubicBezTo>
                  <a:lnTo>
                    <a:pt x="8272" y="31251"/>
                  </a:lnTo>
                  <a:cubicBezTo>
                    <a:pt x="18437" y="34435"/>
                    <a:pt x="23789" y="39509"/>
                    <a:pt x="24492" y="50249"/>
                  </a:cubicBezTo>
                  <a:cubicBezTo>
                    <a:pt x="25195" y="58507"/>
                    <a:pt x="25790" y="85710"/>
                    <a:pt x="25790" y="107893"/>
                  </a:cubicBezTo>
                  <a:lnTo>
                    <a:pt x="25790" y="206880"/>
                  </a:lnTo>
                  <a:cubicBezTo>
                    <a:pt x="25790" y="215732"/>
                    <a:pt x="21032" y="218214"/>
                    <a:pt x="17842" y="218214"/>
                  </a:cubicBezTo>
                  <a:lnTo>
                    <a:pt x="5569" y="218214"/>
                  </a:lnTo>
                  <a:cubicBezTo>
                    <a:pt x="1784" y="218214"/>
                    <a:pt x="1135" y="218862"/>
                    <a:pt x="1135" y="220805"/>
                  </a:cubicBezTo>
                  <a:lnTo>
                    <a:pt x="1135" y="226796"/>
                  </a:lnTo>
                  <a:cubicBezTo>
                    <a:pt x="1135" y="228685"/>
                    <a:pt x="1784" y="229981"/>
                    <a:pt x="3677" y="229981"/>
                  </a:cubicBezTo>
                  <a:cubicBezTo>
                    <a:pt x="5569" y="229981"/>
                    <a:pt x="65799" y="229387"/>
                    <a:pt x="125596" y="229387"/>
                  </a:cubicBezTo>
                  <a:cubicBezTo>
                    <a:pt x="183338" y="229387"/>
                    <a:pt x="240108" y="229981"/>
                    <a:pt x="241351" y="229981"/>
                  </a:cubicBezTo>
                  <a:cubicBezTo>
                    <a:pt x="242595" y="229981"/>
                    <a:pt x="243893" y="228685"/>
                    <a:pt x="243893" y="226796"/>
                  </a:cubicBezTo>
                  <a:lnTo>
                    <a:pt x="243893" y="220427"/>
                  </a:lnTo>
                  <a:cubicBezTo>
                    <a:pt x="243893" y="218862"/>
                    <a:pt x="243298" y="218214"/>
                    <a:pt x="240757" y="218214"/>
                  </a:cubicBezTo>
                </a:path>
              </a:pathLst>
            </a:custGeom>
            <a:solidFill>
              <a:srgbClr val="FFFFFF"/>
            </a:solidFill>
            <a:ln w="5397"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B4BE4948-8F73-4988-B46A-4424E29F6BC4}"/>
                </a:ext>
              </a:extLst>
            </p:cNvPr>
            <p:cNvSpPr/>
            <p:nvPr/>
          </p:nvSpPr>
          <p:spPr>
            <a:xfrm>
              <a:off x="451018" y="482538"/>
              <a:ext cx="207885" cy="233810"/>
            </a:xfrm>
            <a:custGeom>
              <a:avLst/>
              <a:gdLst>
                <a:gd name="connsiteX0" fmla="*/ 207248 w 207885"/>
                <a:gd name="connsiteY0" fmla="*/ 183561 h 233810"/>
                <a:gd name="connsiteX1" fmla="*/ 201247 w 207885"/>
                <a:gd name="connsiteY1" fmla="*/ 178164 h 233810"/>
                <a:gd name="connsiteX2" fmla="*/ 199463 w 207885"/>
                <a:gd name="connsiteY2" fmla="*/ 178488 h 233810"/>
                <a:gd name="connsiteX3" fmla="*/ 126149 w 207885"/>
                <a:gd name="connsiteY3" fmla="*/ 211897 h 233810"/>
                <a:gd name="connsiteX4" fmla="*/ 71650 w 207885"/>
                <a:gd name="connsiteY4" fmla="*/ 187123 h 233810"/>
                <a:gd name="connsiteX5" fmla="*/ 42617 w 207885"/>
                <a:gd name="connsiteY5" fmla="*/ 104760 h 233810"/>
                <a:gd name="connsiteX6" fmla="*/ 114308 w 207885"/>
                <a:gd name="connsiteY6" fmla="*/ 13599 h 233810"/>
                <a:gd name="connsiteX7" fmla="*/ 169402 w 207885"/>
                <a:gd name="connsiteY7" fmla="*/ 37023 h 233810"/>
                <a:gd name="connsiteX8" fmla="*/ 194164 w 207885"/>
                <a:gd name="connsiteY8" fmla="*/ 78151 h 233810"/>
                <a:gd name="connsiteX9" fmla="*/ 197570 w 207885"/>
                <a:gd name="connsiteY9" fmla="*/ 81390 h 233810"/>
                <a:gd name="connsiteX10" fmla="*/ 203626 w 207885"/>
                <a:gd name="connsiteY10" fmla="*/ 79447 h 233810"/>
                <a:gd name="connsiteX11" fmla="*/ 204923 w 207885"/>
                <a:gd name="connsiteY11" fmla="*/ 76208 h 233810"/>
                <a:gd name="connsiteX12" fmla="*/ 197300 w 207885"/>
                <a:gd name="connsiteY12" fmla="*/ 10469 h 233810"/>
                <a:gd name="connsiteX13" fmla="*/ 192813 w 207885"/>
                <a:gd name="connsiteY13" fmla="*/ 5071 h 233810"/>
                <a:gd name="connsiteX14" fmla="*/ 187784 w 207885"/>
                <a:gd name="connsiteY14" fmla="*/ 7014 h 233810"/>
                <a:gd name="connsiteX15" fmla="*/ 185622 w 207885"/>
                <a:gd name="connsiteY15" fmla="*/ 15488 h 233810"/>
                <a:gd name="connsiteX16" fmla="*/ 179296 w 207885"/>
                <a:gd name="connsiteY16" fmla="*/ 15488 h 233810"/>
                <a:gd name="connsiteX17" fmla="*/ 114957 w 207885"/>
                <a:gd name="connsiteY17" fmla="*/ 52 h 233810"/>
                <a:gd name="connsiteX18" fmla="*/ 32452 w 207885"/>
                <a:gd name="connsiteY18" fmla="*/ 33623 h 233810"/>
                <a:gd name="connsiteX19" fmla="*/ 13 w 207885"/>
                <a:gd name="connsiteY19" fmla="*/ 118523 h 233810"/>
                <a:gd name="connsiteX20" fmla="*/ 34236 w 207885"/>
                <a:gd name="connsiteY20" fmla="*/ 204071 h 233810"/>
                <a:gd name="connsiteX21" fmla="*/ 117444 w 207885"/>
                <a:gd name="connsiteY21" fmla="*/ 233810 h 233810"/>
                <a:gd name="connsiteX22" fmla="*/ 207573 w 207885"/>
                <a:gd name="connsiteY22" fmla="*/ 186530 h 233810"/>
                <a:gd name="connsiteX23" fmla="*/ 207248 w 207885"/>
                <a:gd name="connsiteY23" fmla="*/ 183561 h 233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07885" h="233810">
                  <a:moveTo>
                    <a:pt x="207248" y="183561"/>
                  </a:moveTo>
                  <a:cubicBezTo>
                    <a:pt x="205194" y="181618"/>
                    <a:pt x="201517" y="178164"/>
                    <a:pt x="201247" y="178164"/>
                  </a:cubicBezTo>
                  <a:cubicBezTo>
                    <a:pt x="200976" y="178164"/>
                    <a:pt x="199787" y="178164"/>
                    <a:pt x="199463" y="178488"/>
                  </a:cubicBezTo>
                  <a:cubicBezTo>
                    <a:pt x="181340" y="200115"/>
                    <a:pt x="154389" y="212396"/>
                    <a:pt x="126149" y="211897"/>
                  </a:cubicBezTo>
                  <a:cubicBezTo>
                    <a:pt x="110956" y="211897"/>
                    <a:pt x="92520" y="209306"/>
                    <a:pt x="71650" y="187123"/>
                  </a:cubicBezTo>
                  <a:cubicBezTo>
                    <a:pt x="48348" y="161972"/>
                    <a:pt x="42617" y="124190"/>
                    <a:pt x="42617" y="104760"/>
                  </a:cubicBezTo>
                  <a:cubicBezTo>
                    <a:pt x="42617" y="59206"/>
                    <a:pt x="63594" y="13599"/>
                    <a:pt x="114308" y="13599"/>
                  </a:cubicBezTo>
                  <a:cubicBezTo>
                    <a:pt x="135118" y="13515"/>
                    <a:pt x="155044" y="21987"/>
                    <a:pt x="169402" y="37023"/>
                  </a:cubicBezTo>
                  <a:cubicBezTo>
                    <a:pt x="180502" y="48811"/>
                    <a:pt x="188945" y="62835"/>
                    <a:pt x="194164" y="78151"/>
                  </a:cubicBezTo>
                  <a:cubicBezTo>
                    <a:pt x="195083" y="80688"/>
                    <a:pt x="196056" y="81983"/>
                    <a:pt x="197570" y="81390"/>
                  </a:cubicBezTo>
                  <a:lnTo>
                    <a:pt x="203626" y="79447"/>
                  </a:lnTo>
                  <a:cubicBezTo>
                    <a:pt x="204923" y="79123"/>
                    <a:pt x="205248" y="78151"/>
                    <a:pt x="204923" y="76208"/>
                  </a:cubicBezTo>
                  <a:cubicBezTo>
                    <a:pt x="203626" y="66763"/>
                    <a:pt x="197300" y="16082"/>
                    <a:pt x="197300" y="10469"/>
                  </a:cubicBezTo>
                  <a:cubicBezTo>
                    <a:pt x="197300" y="5989"/>
                    <a:pt x="196651" y="5071"/>
                    <a:pt x="192813" y="5071"/>
                  </a:cubicBezTo>
                  <a:cubicBezTo>
                    <a:pt x="188974" y="5071"/>
                    <a:pt x="188379" y="5071"/>
                    <a:pt x="187784" y="7014"/>
                  </a:cubicBezTo>
                  <a:lnTo>
                    <a:pt x="185622" y="15488"/>
                  </a:lnTo>
                  <a:cubicBezTo>
                    <a:pt x="185027" y="17971"/>
                    <a:pt x="183729" y="17971"/>
                    <a:pt x="179296" y="15488"/>
                  </a:cubicBezTo>
                  <a:cubicBezTo>
                    <a:pt x="159418" y="5219"/>
                    <a:pt x="137339" y="-78"/>
                    <a:pt x="114957" y="52"/>
                  </a:cubicBezTo>
                  <a:cubicBezTo>
                    <a:pt x="83939" y="-899"/>
                    <a:pt x="53966" y="11297"/>
                    <a:pt x="32452" y="33623"/>
                  </a:cubicBezTo>
                  <a:cubicBezTo>
                    <a:pt x="11171" y="56747"/>
                    <a:pt x="-436" y="87125"/>
                    <a:pt x="13" y="118523"/>
                  </a:cubicBezTo>
                  <a:cubicBezTo>
                    <a:pt x="13" y="146373"/>
                    <a:pt x="10826" y="183291"/>
                    <a:pt x="34236" y="204071"/>
                  </a:cubicBezTo>
                  <a:cubicBezTo>
                    <a:pt x="53971" y="221774"/>
                    <a:pt x="76786" y="233810"/>
                    <a:pt x="117444" y="233810"/>
                  </a:cubicBezTo>
                  <a:cubicBezTo>
                    <a:pt x="159183" y="233810"/>
                    <a:pt x="188325" y="211465"/>
                    <a:pt x="207573" y="186530"/>
                  </a:cubicBezTo>
                  <a:cubicBezTo>
                    <a:pt x="208088" y="185568"/>
                    <a:pt x="207959" y="184389"/>
                    <a:pt x="207248" y="183561"/>
                  </a:cubicBezTo>
                </a:path>
              </a:pathLst>
            </a:custGeom>
            <a:solidFill>
              <a:srgbClr val="FFFFFF"/>
            </a:solidFill>
            <a:ln w="5397"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E840214D-331C-4E31-9D57-9680CC65EAF8}"/>
                </a:ext>
              </a:extLst>
            </p:cNvPr>
            <p:cNvSpPr/>
            <p:nvPr/>
          </p:nvSpPr>
          <p:spPr>
            <a:xfrm>
              <a:off x="1003695" y="515837"/>
              <a:ext cx="38711" cy="38645"/>
            </a:xfrm>
            <a:custGeom>
              <a:avLst/>
              <a:gdLst>
                <a:gd name="connsiteX0" fmla="*/ 38711 w 38711"/>
                <a:gd name="connsiteY0" fmla="*/ 19377 h 38645"/>
                <a:gd name="connsiteX1" fmla="*/ 19302 w 38711"/>
                <a:gd name="connsiteY1" fmla="*/ 38645 h 38645"/>
                <a:gd name="connsiteX2" fmla="*/ 0 w 38711"/>
                <a:gd name="connsiteY2" fmla="*/ 19269 h 38645"/>
                <a:gd name="connsiteX3" fmla="*/ 19356 w 38711"/>
                <a:gd name="connsiteY3" fmla="*/ 0 h 38645"/>
                <a:gd name="connsiteX4" fmla="*/ 38712 w 38711"/>
                <a:gd name="connsiteY4" fmla="*/ 19214 h 38645"/>
                <a:gd name="connsiteX5" fmla="*/ 38711 w 38711"/>
                <a:gd name="connsiteY5" fmla="*/ 19376 h 38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711" h="38645">
                  <a:moveTo>
                    <a:pt x="38711" y="19377"/>
                  </a:moveTo>
                  <a:cubicBezTo>
                    <a:pt x="38681" y="30048"/>
                    <a:pt x="29991" y="38675"/>
                    <a:pt x="19302" y="38645"/>
                  </a:cubicBezTo>
                  <a:cubicBezTo>
                    <a:pt x="8612" y="38615"/>
                    <a:pt x="-30" y="29940"/>
                    <a:pt x="0" y="19269"/>
                  </a:cubicBezTo>
                  <a:cubicBezTo>
                    <a:pt x="30" y="8618"/>
                    <a:pt x="8687" y="0"/>
                    <a:pt x="19356" y="0"/>
                  </a:cubicBezTo>
                  <a:cubicBezTo>
                    <a:pt x="30016" y="-30"/>
                    <a:pt x="38682" y="8573"/>
                    <a:pt x="38712" y="19214"/>
                  </a:cubicBezTo>
                  <a:cubicBezTo>
                    <a:pt x="38712" y="19268"/>
                    <a:pt x="38712" y="19322"/>
                    <a:pt x="38711" y="19376"/>
                  </a:cubicBezTo>
                </a:path>
              </a:pathLst>
            </a:custGeom>
            <a:solidFill>
              <a:srgbClr val="FFFFFF"/>
            </a:solidFill>
            <a:ln w="5397" cap="flat">
              <a:noFill/>
              <a:prstDash val="solid"/>
              <a:miter/>
            </a:ln>
          </p:spPr>
          <p:txBody>
            <a:bodyPr rtlCol="0" anchor="ctr"/>
            <a:lstStyle/>
            <a:p>
              <a:endParaRPr lang="en-US"/>
            </a:p>
          </p:txBody>
        </p:sp>
      </p:grpSp>
      <p:sp>
        <p:nvSpPr>
          <p:cNvPr id="44" name="Picture Placeholder 43">
            <a:extLst>
              <a:ext uri="{FF2B5EF4-FFF2-40B4-BE49-F238E27FC236}">
                <a16:creationId xmlns:a16="http://schemas.microsoft.com/office/drawing/2014/main" id="{944CB7BD-E11F-4B54-A137-4160A508C6E4}"/>
              </a:ext>
            </a:extLst>
          </p:cNvPr>
          <p:cNvSpPr>
            <a:spLocks noGrp="1"/>
          </p:cNvSpPr>
          <p:nvPr>
            <p:ph type="pic" sz="quarter" idx="13" hasCustomPrompt="1"/>
          </p:nvPr>
        </p:nvSpPr>
        <p:spPr>
          <a:xfrm>
            <a:off x="5" y="2"/>
            <a:ext cx="12193196" cy="6861598"/>
          </a:xfrm>
          <a:custGeom>
            <a:avLst/>
            <a:gdLst>
              <a:gd name="connsiteX0" fmla="*/ 11860221 w 12193196"/>
              <a:gd name="connsiteY0" fmla="*/ 5768017 h 6861598"/>
              <a:gd name="connsiteX1" fmla="*/ 11860221 w 12193196"/>
              <a:gd name="connsiteY1" fmla="*/ 6526741 h 6861598"/>
              <a:gd name="connsiteX2" fmla="*/ 11583390 w 12193196"/>
              <a:gd name="connsiteY2" fmla="*/ 6526741 h 6861598"/>
              <a:gd name="connsiteX3" fmla="*/ 11583390 w 12193196"/>
              <a:gd name="connsiteY3" fmla="*/ 6541141 h 6861598"/>
              <a:gd name="connsiteX4" fmla="*/ 11860221 w 12193196"/>
              <a:gd name="connsiteY4" fmla="*/ 6541141 h 6861598"/>
              <a:gd name="connsiteX5" fmla="*/ 11860221 w 12193196"/>
              <a:gd name="connsiteY5" fmla="*/ 6542017 h 6861598"/>
              <a:gd name="connsiteX6" fmla="*/ 11874621 w 12193196"/>
              <a:gd name="connsiteY6" fmla="*/ 6542017 h 6861598"/>
              <a:gd name="connsiteX7" fmla="*/ 11874621 w 12193196"/>
              <a:gd name="connsiteY7" fmla="*/ 5768017 h 6861598"/>
              <a:gd name="connsiteX8" fmla="*/ 6206395 w 12193196"/>
              <a:gd name="connsiteY8" fmla="*/ 2246399 h 6861598"/>
              <a:gd name="connsiteX9" fmla="*/ 6206395 w 12193196"/>
              <a:gd name="connsiteY9" fmla="*/ 5342398 h 6861598"/>
              <a:gd name="connsiteX10" fmla="*/ 6411595 w 12193196"/>
              <a:gd name="connsiteY10" fmla="*/ 5342398 h 6861598"/>
              <a:gd name="connsiteX11" fmla="*/ 6411595 w 12193196"/>
              <a:gd name="connsiteY11" fmla="*/ 5556635 h 6861598"/>
              <a:gd name="connsiteX12" fmla="*/ 12193195 w 12193196"/>
              <a:gd name="connsiteY12" fmla="*/ 5556635 h 6861598"/>
              <a:gd name="connsiteX13" fmla="*/ 12193195 w 12193196"/>
              <a:gd name="connsiteY13" fmla="*/ 5342398 h 6861598"/>
              <a:gd name="connsiteX14" fmla="*/ 12193195 w 12193196"/>
              <a:gd name="connsiteY14" fmla="*/ 4265998 h 6861598"/>
              <a:gd name="connsiteX15" fmla="*/ 12193195 w 12193196"/>
              <a:gd name="connsiteY15" fmla="*/ 2246399 h 6861598"/>
              <a:gd name="connsiteX16" fmla="*/ 2578369 w 12193196"/>
              <a:gd name="connsiteY16" fmla="*/ 914375 h 6861598"/>
              <a:gd name="connsiteX17" fmla="*/ 2605402 w 12193196"/>
              <a:gd name="connsiteY17" fmla="*/ 914375 h 6861598"/>
              <a:gd name="connsiteX18" fmla="*/ 2633300 w 12193196"/>
              <a:gd name="connsiteY18" fmla="*/ 919016 h 6861598"/>
              <a:gd name="connsiteX19" fmla="*/ 2640707 w 12193196"/>
              <a:gd name="connsiteY19" fmla="*/ 935640 h 6861598"/>
              <a:gd name="connsiteX20" fmla="*/ 2627136 w 12193196"/>
              <a:gd name="connsiteY20" fmla="*/ 958417 h 6861598"/>
              <a:gd name="connsiteX21" fmla="*/ 2585505 w 12193196"/>
              <a:gd name="connsiteY21" fmla="*/ 966783 h 6861598"/>
              <a:gd name="connsiteX22" fmla="*/ 2556526 w 12193196"/>
              <a:gd name="connsiteY22" fmla="*/ 960630 h 6861598"/>
              <a:gd name="connsiteX23" fmla="*/ 2546469 w 12193196"/>
              <a:gd name="connsiteY23" fmla="*/ 942495 h 6861598"/>
              <a:gd name="connsiteX24" fmla="*/ 2546577 w 12193196"/>
              <a:gd name="connsiteY24" fmla="*/ 942495 h 6861598"/>
              <a:gd name="connsiteX25" fmla="*/ 2554633 w 12193196"/>
              <a:gd name="connsiteY25" fmla="*/ 921661 h 6861598"/>
              <a:gd name="connsiteX26" fmla="*/ 2578369 w 12193196"/>
              <a:gd name="connsiteY26" fmla="*/ 914375 h 6861598"/>
              <a:gd name="connsiteX27" fmla="*/ 1761482 w 12193196"/>
              <a:gd name="connsiteY27" fmla="*/ 822621 h 6861598"/>
              <a:gd name="connsiteX28" fmla="*/ 1820685 w 12193196"/>
              <a:gd name="connsiteY28" fmla="*/ 879724 h 6861598"/>
              <a:gd name="connsiteX29" fmla="*/ 1766619 w 12193196"/>
              <a:gd name="connsiteY29" fmla="*/ 900396 h 6861598"/>
              <a:gd name="connsiteX30" fmla="*/ 1738666 w 12193196"/>
              <a:gd name="connsiteY30" fmla="*/ 891113 h 6861598"/>
              <a:gd name="connsiteX31" fmla="*/ 1728232 w 12193196"/>
              <a:gd name="connsiteY31" fmla="*/ 866177 h 6861598"/>
              <a:gd name="connsiteX32" fmla="*/ 1731205 w 12193196"/>
              <a:gd name="connsiteY32" fmla="*/ 850579 h 6861598"/>
              <a:gd name="connsiteX33" fmla="*/ 1740343 w 12193196"/>
              <a:gd name="connsiteY33" fmla="*/ 837733 h 6861598"/>
              <a:gd name="connsiteX34" fmla="*/ 1761482 w 12193196"/>
              <a:gd name="connsiteY34" fmla="*/ 822621 h 6861598"/>
              <a:gd name="connsiteX35" fmla="*/ 2243753 w 12193196"/>
              <a:gd name="connsiteY35" fmla="*/ 786403 h 6861598"/>
              <a:gd name="connsiteX36" fmla="*/ 2270840 w 12193196"/>
              <a:gd name="connsiteY36" fmla="*/ 797576 h 6861598"/>
              <a:gd name="connsiteX37" fmla="*/ 2280247 w 12193196"/>
              <a:gd name="connsiteY37" fmla="*/ 829960 h 6861598"/>
              <a:gd name="connsiteX38" fmla="*/ 2202933 w 12193196"/>
              <a:gd name="connsiteY38" fmla="*/ 829960 h 6861598"/>
              <a:gd name="connsiteX39" fmla="*/ 2215422 w 12193196"/>
              <a:gd name="connsiteY39" fmla="*/ 798008 h 6861598"/>
              <a:gd name="connsiteX40" fmla="*/ 2243753 w 12193196"/>
              <a:gd name="connsiteY40" fmla="*/ 786403 h 6861598"/>
              <a:gd name="connsiteX41" fmla="*/ 2591290 w 12193196"/>
              <a:gd name="connsiteY41" fmla="*/ 784029 h 6861598"/>
              <a:gd name="connsiteX42" fmla="*/ 2624379 w 12193196"/>
              <a:gd name="connsiteY42" fmla="*/ 817223 h 6861598"/>
              <a:gd name="connsiteX43" fmla="*/ 2591669 w 12193196"/>
              <a:gd name="connsiteY43" fmla="*/ 848905 h 6861598"/>
              <a:gd name="connsiteX44" fmla="*/ 2567339 w 12193196"/>
              <a:gd name="connsiteY44" fmla="*/ 841025 h 6861598"/>
              <a:gd name="connsiteX45" fmla="*/ 2558579 w 12193196"/>
              <a:gd name="connsiteY45" fmla="*/ 817600 h 6861598"/>
              <a:gd name="connsiteX46" fmla="*/ 2558687 w 12193196"/>
              <a:gd name="connsiteY46" fmla="*/ 817600 h 6861598"/>
              <a:gd name="connsiteX47" fmla="*/ 2567069 w 12193196"/>
              <a:gd name="connsiteY47" fmla="*/ 792503 h 6861598"/>
              <a:gd name="connsiteX48" fmla="*/ 2591290 w 12193196"/>
              <a:gd name="connsiteY48" fmla="*/ 784029 h 6861598"/>
              <a:gd name="connsiteX49" fmla="*/ 2473696 w 12193196"/>
              <a:gd name="connsiteY49" fmla="*/ 770428 h 6861598"/>
              <a:gd name="connsiteX50" fmla="*/ 2473696 w 12193196"/>
              <a:gd name="connsiteY50" fmla="*/ 917721 h 6861598"/>
              <a:gd name="connsiteX51" fmla="*/ 2496080 w 12193196"/>
              <a:gd name="connsiteY51" fmla="*/ 917721 h 6861598"/>
              <a:gd name="connsiteX52" fmla="*/ 2496080 w 12193196"/>
              <a:gd name="connsiteY52" fmla="*/ 770428 h 6861598"/>
              <a:gd name="connsiteX53" fmla="*/ 2387623 w 12193196"/>
              <a:gd name="connsiteY53" fmla="*/ 767892 h 6861598"/>
              <a:gd name="connsiteX54" fmla="*/ 2347344 w 12193196"/>
              <a:gd name="connsiteY54" fmla="*/ 778308 h 6861598"/>
              <a:gd name="connsiteX55" fmla="*/ 2332692 w 12193196"/>
              <a:gd name="connsiteY55" fmla="*/ 806752 h 6861598"/>
              <a:gd name="connsiteX56" fmla="*/ 2336909 w 12193196"/>
              <a:gd name="connsiteY56" fmla="*/ 824078 h 6861598"/>
              <a:gd name="connsiteX57" fmla="*/ 2349885 w 12193196"/>
              <a:gd name="connsiteY57" fmla="*/ 837085 h 6861598"/>
              <a:gd name="connsiteX58" fmla="*/ 2379135 w 12193196"/>
              <a:gd name="connsiteY58" fmla="*/ 850417 h 6861598"/>
              <a:gd name="connsiteX59" fmla="*/ 2408276 w 12193196"/>
              <a:gd name="connsiteY59" fmla="*/ 864882 h 6861598"/>
              <a:gd name="connsiteX60" fmla="*/ 2413160 w 12193196"/>
              <a:gd name="connsiteY60" fmla="*/ 870393 h 6861598"/>
              <a:gd name="connsiteX61" fmla="*/ 2406330 w 12193196"/>
              <a:gd name="connsiteY61" fmla="*/ 896618 h 6861598"/>
              <a:gd name="connsiteX62" fmla="*/ 2379297 w 12193196"/>
              <a:gd name="connsiteY62" fmla="*/ 902015 h 6861598"/>
              <a:gd name="connsiteX63" fmla="*/ 2355832 w 12193196"/>
              <a:gd name="connsiteY63" fmla="*/ 898939 h 6861598"/>
              <a:gd name="connsiteX64" fmla="*/ 2333016 w 12193196"/>
              <a:gd name="connsiteY64" fmla="*/ 890465 h 6861598"/>
              <a:gd name="connsiteX65" fmla="*/ 2333016 w 12193196"/>
              <a:gd name="connsiteY65" fmla="*/ 911137 h 6861598"/>
              <a:gd name="connsiteX66" fmla="*/ 2378756 w 12193196"/>
              <a:gd name="connsiteY66" fmla="*/ 920420 h 6861598"/>
              <a:gd name="connsiteX67" fmla="*/ 2422009 w 12193196"/>
              <a:gd name="connsiteY67" fmla="*/ 909302 h 6861598"/>
              <a:gd name="connsiteX68" fmla="*/ 2437364 w 12193196"/>
              <a:gd name="connsiteY68" fmla="*/ 877565 h 6861598"/>
              <a:gd name="connsiteX69" fmla="*/ 2428011 w 12193196"/>
              <a:gd name="connsiteY69" fmla="*/ 853169 h 6861598"/>
              <a:gd name="connsiteX70" fmla="*/ 2392543 w 12193196"/>
              <a:gd name="connsiteY70" fmla="*/ 833955 h 6861598"/>
              <a:gd name="connsiteX71" fmla="*/ 2366700 w 12193196"/>
              <a:gd name="connsiteY71" fmla="*/ 823160 h 6861598"/>
              <a:gd name="connsiteX72" fmla="*/ 2356968 w 12193196"/>
              <a:gd name="connsiteY72" fmla="*/ 815226 h 6861598"/>
              <a:gd name="connsiteX73" fmla="*/ 2353886 w 12193196"/>
              <a:gd name="connsiteY73" fmla="*/ 805187 h 6861598"/>
              <a:gd name="connsiteX74" fmla="*/ 2361996 w 12193196"/>
              <a:gd name="connsiteY74" fmla="*/ 791478 h 6861598"/>
              <a:gd name="connsiteX75" fmla="*/ 2385947 w 12193196"/>
              <a:gd name="connsiteY75" fmla="*/ 786458 h 6861598"/>
              <a:gd name="connsiteX76" fmla="*/ 2426226 w 12193196"/>
              <a:gd name="connsiteY76" fmla="*/ 795634 h 6861598"/>
              <a:gd name="connsiteX77" fmla="*/ 2434228 w 12193196"/>
              <a:gd name="connsiteY77" fmla="*/ 777607 h 6861598"/>
              <a:gd name="connsiteX78" fmla="*/ 2387623 w 12193196"/>
              <a:gd name="connsiteY78" fmla="*/ 767892 h 6861598"/>
              <a:gd name="connsiteX79" fmla="*/ 2244023 w 12193196"/>
              <a:gd name="connsiteY79" fmla="*/ 767730 h 6861598"/>
              <a:gd name="connsiteX80" fmla="*/ 2196823 w 12193196"/>
              <a:gd name="connsiteY80" fmla="*/ 788724 h 6861598"/>
              <a:gd name="connsiteX81" fmla="*/ 2179252 w 12193196"/>
              <a:gd name="connsiteY81" fmla="*/ 845288 h 6861598"/>
              <a:gd name="connsiteX82" fmla="*/ 2198175 w 12193196"/>
              <a:gd name="connsiteY82" fmla="*/ 900558 h 6861598"/>
              <a:gd name="connsiteX83" fmla="*/ 2249808 w 12193196"/>
              <a:gd name="connsiteY83" fmla="*/ 920419 h 6861598"/>
              <a:gd name="connsiteX84" fmla="*/ 2275327 w 12193196"/>
              <a:gd name="connsiteY84" fmla="*/ 918206 h 6861598"/>
              <a:gd name="connsiteX85" fmla="*/ 2297765 w 12193196"/>
              <a:gd name="connsiteY85" fmla="*/ 910921 h 6861598"/>
              <a:gd name="connsiteX86" fmla="*/ 2297765 w 12193196"/>
              <a:gd name="connsiteY86" fmla="*/ 891004 h 6861598"/>
              <a:gd name="connsiteX87" fmla="*/ 2250619 w 12193196"/>
              <a:gd name="connsiteY87" fmla="*/ 900936 h 6861598"/>
              <a:gd name="connsiteX88" fmla="*/ 2215530 w 12193196"/>
              <a:gd name="connsiteY88" fmla="*/ 887497 h 6861598"/>
              <a:gd name="connsiteX89" fmla="*/ 2202392 w 12193196"/>
              <a:gd name="connsiteY89" fmla="*/ 848149 h 6861598"/>
              <a:gd name="connsiteX90" fmla="*/ 2304145 w 12193196"/>
              <a:gd name="connsiteY90" fmla="*/ 848149 h 6861598"/>
              <a:gd name="connsiteX91" fmla="*/ 2304145 w 12193196"/>
              <a:gd name="connsiteY91" fmla="*/ 834008 h 6861598"/>
              <a:gd name="connsiteX92" fmla="*/ 2287925 w 12193196"/>
              <a:gd name="connsiteY92" fmla="*/ 785973 h 6861598"/>
              <a:gd name="connsiteX93" fmla="*/ 2244023 w 12193196"/>
              <a:gd name="connsiteY93" fmla="*/ 767730 h 6861598"/>
              <a:gd name="connsiteX94" fmla="*/ 2764355 w 12193196"/>
              <a:gd name="connsiteY94" fmla="*/ 767729 h 6861598"/>
              <a:gd name="connsiteX95" fmla="*/ 2736781 w 12193196"/>
              <a:gd name="connsiteY95" fmla="*/ 773720 h 6861598"/>
              <a:gd name="connsiteX96" fmla="*/ 2717533 w 12193196"/>
              <a:gd name="connsiteY96" fmla="*/ 790614 h 6861598"/>
              <a:gd name="connsiteX97" fmla="*/ 2716452 w 12193196"/>
              <a:gd name="connsiteY97" fmla="*/ 790614 h 6861598"/>
              <a:gd name="connsiteX98" fmla="*/ 2712776 w 12193196"/>
              <a:gd name="connsiteY98" fmla="*/ 770428 h 6861598"/>
              <a:gd name="connsiteX99" fmla="*/ 2694447 w 12193196"/>
              <a:gd name="connsiteY99" fmla="*/ 770428 h 6861598"/>
              <a:gd name="connsiteX100" fmla="*/ 2694447 w 12193196"/>
              <a:gd name="connsiteY100" fmla="*/ 917775 h 6861598"/>
              <a:gd name="connsiteX101" fmla="*/ 2716830 w 12193196"/>
              <a:gd name="connsiteY101" fmla="*/ 917775 h 6861598"/>
              <a:gd name="connsiteX102" fmla="*/ 2716830 w 12193196"/>
              <a:gd name="connsiteY102" fmla="*/ 840539 h 6861598"/>
              <a:gd name="connsiteX103" fmla="*/ 2727644 w 12193196"/>
              <a:gd name="connsiteY103" fmla="*/ 799250 h 6861598"/>
              <a:gd name="connsiteX104" fmla="*/ 2761543 w 12193196"/>
              <a:gd name="connsiteY104" fmla="*/ 786782 h 6861598"/>
              <a:gd name="connsiteX105" fmla="*/ 2787279 w 12193196"/>
              <a:gd name="connsiteY105" fmla="*/ 795633 h 6861598"/>
              <a:gd name="connsiteX106" fmla="*/ 2795497 w 12193196"/>
              <a:gd name="connsiteY106" fmla="*/ 822620 h 6861598"/>
              <a:gd name="connsiteX107" fmla="*/ 2795497 w 12193196"/>
              <a:gd name="connsiteY107" fmla="*/ 917721 h 6861598"/>
              <a:gd name="connsiteX108" fmla="*/ 2817934 w 12193196"/>
              <a:gd name="connsiteY108" fmla="*/ 917721 h 6861598"/>
              <a:gd name="connsiteX109" fmla="*/ 2817934 w 12193196"/>
              <a:gd name="connsiteY109" fmla="*/ 821648 h 6861598"/>
              <a:gd name="connsiteX110" fmla="*/ 2804472 w 12193196"/>
              <a:gd name="connsiteY110" fmla="*/ 780575 h 6861598"/>
              <a:gd name="connsiteX111" fmla="*/ 2764355 w 12193196"/>
              <a:gd name="connsiteY111" fmla="*/ 767729 h 6861598"/>
              <a:gd name="connsiteX112" fmla="*/ 2592101 w 12193196"/>
              <a:gd name="connsiteY112" fmla="*/ 767567 h 6861598"/>
              <a:gd name="connsiteX113" fmla="*/ 2550902 w 12193196"/>
              <a:gd name="connsiteY113" fmla="*/ 780683 h 6861598"/>
              <a:gd name="connsiteX114" fmla="*/ 2536359 w 12193196"/>
              <a:gd name="connsiteY114" fmla="*/ 817978 h 6861598"/>
              <a:gd name="connsiteX115" fmla="*/ 2543604 w 12193196"/>
              <a:gd name="connsiteY115" fmla="*/ 843778 h 6861598"/>
              <a:gd name="connsiteX116" fmla="*/ 2562203 w 12193196"/>
              <a:gd name="connsiteY116" fmla="*/ 859970 h 6861598"/>
              <a:gd name="connsiteX117" fmla="*/ 2548632 w 12193196"/>
              <a:gd name="connsiteY117" fmla="*/ 871628 h 6861598"/>
              <a:gd name="connsiteX118" fmla="*/ 2544307 w 12193196"/>
              <a:gd name="connsiteY118" fmla="*/ 885769 h 6861598"/>
              <a:gd name="connsiteX119" fmla="*/ 2548145 w 12193196"/>
              <a:gd name="connsiteY119" fmla="*/ 898237 h 6861598"/>
              <a:gd name="connsiteX120" fmla="*/ 2557660 w 12193196"/>
              <a:gd name="connsiteY120" fmla="*/ 906171 h 6861598"/>
              <a:gd name="connsiteX121" fmla="*/ 2533385 w 12193196"/>
              <a:gd name="connsiteY121" fmla="*/ 919502 h 6861598"/>
              <a:gd name="connsiteX122" fmla="*/ 2524789 w 12193196"/>
              <a:gd name="connsiteY122" fmla="*/ 942765 h 6861598"/>
              <a:gd name="connsiteX123" fmla="*/ 2540468 w 12193196"/>
              <a:gd name="connsiteY123" fmla="*/ 973098 h 6861598"/>
              <a:gd name="connsiteX124" fmla="*/ 2585127 w 12193196"/>
              <a:gd name="connsiteY124" fmla="*/ 983892 h 6861598"/>
              <a:gd name="connsiteX125" fmla="*/ 2642490 w 12193196"/>
              <a:gd name="connsiteY125" fmla="*/ 971047 h 6861598"/>
              <a:gd name="connsiteX126" fmla="*/ 2662224 w 12193196"/>
              <a:gd name="connsiteY126" fmla="*/ 934021 h 6861598"/>
              <a:gd name="connsiteX127" fmla="*/ 2649356 w 12193196"/>
              <a:gd name="connsiteY127" fmla="*/ 904714 h 6861598"/>
              <a:gd name="connsiteX128" fmla="*/ 2612538 w 12193196"/>
              <a:gd name="connsiteY128" fmla="*/ 894620 h 6861598"/>
              <a:gd name="connsiteX129" fmla="*/ 2586424 w 12193196"/>
              <a:gd name="connsiteY129" fmla="*/ 894620 h 6861598"/>
              <a:gd name="connsiteX130" fmla="*/ 2569338 w 12193196"/>
              <a:gd name="connsiteY130" fmla="*/ 891760 h 6861598"/>
              <a:gd name="connsiteX131" fmla="*/ 2564364 w 12193196"/>
              <a:gd name="connsiteY131" fmla="*/ 882800 h 6861598"/>
              <a:gd name="connsiteX132" fmla="*/ 2578639 w 12193196"/>
              <a:gd name="connsiteY132" fmla="*/ 863856 h 6861598"/>
              <a:gd name="connsiteX133" fmla="*/ 2591020 w 12193196"/>
              <a:gd name="connsiteY133" fmla="*/ 864935 h 6861598"/>
              <a:gd name="connsiteX134" fmla="*/ 2631677 w 12193196"/>
              <a:gd name="connsiteY134" fmla="*/ 852035 h 6861598"/>
              <a:gd name="connsiteX135" fmla="*/ 2646492 w 12193196"/>
              <a:gd name="connsiteY135" fmla="*/ 817493 h 6861598"/>
              <a:gd name="connsiteX136" fmla="*/ 2643517 w 12193196"/>
              <a:gd name="connsiteY136" fmla="*/ 800329 h 6861598"/>
              <a:gd name="connsiteX137" fmla="*/ 2636760 w 12193196"/>
              <a:gd name="connsiteY137" fmla="*/ 788023 h 6861598"/>
              <a:gd name="connsiteX138" fmla="*/ 2664117 w 12193196"/>
              <a:gd name="connsiteY138" fmla="*/ 784839 h 6861598"/>
              <a:gd name="connsiteX139" fmla="*/ 2664117 w 12193196"/>
              <a:gd name="connsiteY139" fmla="*/ 770428 h 6861598"/>
              <a:gd name="connsiteX140" fmla="*/ 2612970 w 12193196"/>
              <a:gd name="connsiteY140" fmla="*/ 770266 h 6861598"/>
              <a:gd name="connsiteX141" fmla="*/ 2592101 w 12193196"/>
              <a:gd name="connsiteY141" fmla="*/ 767567 h 6861598"/>
              <a:gd name="connsiteX142" fmla="*/ 2012728 w 12193196"/>
              <a:gd name="connsiteY142" fmla="*/ 741013 h 6861598"/>
              <a:gd name="connsiteX143" fmla="*/ 2045979 w 12193196"/>
              <a:gd name="connsiteY143" fmla="*/ 741013 h 6861598"/>
              <a:gd name="connsiteX144" fmla="*/ 2103397 w 12193196"/>
              <a:gd name="connsiteY144" fmla="*/ 760498 h 6861598"/>
              <a:gd name="connsiteX145" fmla="*/ 2122699 w 12193196"/>
              <a:gd name="connsiteY145" fmla="*/ 818411 h 6861598"/>
              <a:gd name="connsiteX146" fmla="*/ 2102099 w 12193196"/>
              <a:gd name="connsiteY146" fmla="*/ 878106 h 6861598"/>
              <a:gd name="connsiteX147" fmla="*/ 2040572 w 12193196"/>
              <a:gd name="connsiteY147" fmla="*/ 898184 h 6861598"/>
              <a:gd name="connsiteX148" fmla="*/ 2012728 w 12193196"/>
              <a:gd name="connsiteY148" fmla="*/ 898184 h 6861598"/>
              <a:gd name="connsiteX149" fmla="*/ 1772674 w 12193196"/>
              <a:gd name="connsiteY149" fmla="*/ 736587 h 6861598"/>
              <a:gd name="connsiteX150" fmla="*/ 1791219 w 12193196"/>
              <a:gd name="connsiteY150" fmla="*/ 743064 h 6861598"/>
              <a:gd name="connsiteX151" fmla="*/ 1798139 w 12193196"/>
              <a:gd name="connsiteY151" fmla="*/ 759958 h 6861598"/>
              <a:gd name="connsiteX152" fmla="*/ 1791327 w 12193196"/>
              <a:gd name="connsiteY152" fmla="*/ 779658 h 6861598"/>
              <a:gd name="connsiteX153" fmla="*/ 1767159 w 12193196"/>
              <a:gd name="connsiteY153" fmla="*/ 798279 h 6861598"/>
              <a:gd name="connsiteX154" fmla="*/ 1750615 w 12193196"/>
              <a:gd name="connsiteY154" fmla="*/ 778039 h 6861598"/>
              <a:gd name="connsiteX155" fmla="*/ 1745749 w 12193196"/>
              <a:gd name="connsiteY155" fmla="*/ 760335 h 6861598"/>
              <a:gd name="connsiteX156" fmla="*/ 1745587 w 12193196"/>
              <a:gd name="connsiteY156" fmla="*/ 760335 h 6861598"/>
              <a:gd name="connsiteX157" fmla="*/ 1753210 w 12193196"/>
              <a:gd name="connsiteY157" fmla="*/ 743010 h 6861598"/>
              <a:gd name="connsiteX158" fmla="*/ 1772674 w 12193196"/>
              <a:gd name="connsiteY158" fmla="*/ 736587 h 6861598"/>
              <a:gd name="connsiteX159" fmla="*/ 1989804 w 12193196"/>
              <a:gd name="connsiteY159" fmla="*/ 721259 h 6861598"/>
              <a:gd name="connsiteX160" fmla="*/ 1989804 w 12193196"/>
              <a:gd name="connsiteY160" fmla="*/ 917722 h 6861598"/>
              <a:gd name="connsiteX161" fmla="*/ 2044357 w 12193196"/>
              <a:gd name="connsiteY161" fmla="*/ 917722 h 6861598"/>
              <a:gd name="connsiteX162" fmla="*/ 2120482 w 12193196"/>
              <a:gd name="connsiteY162" fmla="*/ 892031 h 6861598"/>
              <a:gd name="connsiteX163" fmla="*/ 2146974 w 12193196"/>
              <a:gd name="connsiteY163" fmla="*/ 817601 h 6861598"/>
              <a:gd name="connsiteX164" fmla="*/ 2121510 w 12193196"/>
              <a:gd name="connsiteY164" fmla="*/ 746626 h 6861598"/>
              <a:gd name="connsiteX165" fmla="*/ 2050142 w 12193196"/>
              <a:gd name="connsiteY165" fmla="*/ 721259 h 6861598"/>
              <a:gd name="connsiteX166" fmla="*/ 1773485 w 12193196"/>
              <a:gd name="connsiteY166" fmla="*/ 718290 h 6861598"/>
              <a:gd name="connsiteX167" fmla="*/ 1736720 w 12193196"/>
              <a:gd name="connsiteY167" fmla="*/ 729625 h 6861598"/>
              <a:gd name="connsiteX168" fmla="*/ 1723528 w 12193196"/>
              <a:gd name="connsiteY168" fmla="*/ 761037 h 6861598"/>
              <a:gd name="connsiteX169" fmla="*/ 1725961 w 12193196"/>
              <a:gd name="connsiteY169" fmla="*/ 775826 h 6861598"/>
              <a:gd name="connsiteX170" fmla="*/ 1732449 w 12193196"/>
              <a:gd name="connsiteY170" fmla="*/ 789535 h 6861598"/>
              <a:gd name="connsiteX171" fmla="*/ 1748020 w 12193196"/>
              <a:gd name="connsiteY171" fmla="*/ 808911 h 6861598"/>
              <a:gd name="connsiteX172" fmla="*/ 1714445 w 12193196"/>
              <a:gd name="connsiteY172" fmla="*/ 835898 h 6861598"/>
              <a:gd name="connsiteX173" fmla="*/ 1705091 w 12193196"/>
              <a:gd name="connsiteY173" fmla="*/ 866825 h 6861598"/>
              <a:gd name="connsiteX174" fmla="*/ 1721041 w 12193196"/>
              <a:gd name="connsiteY174" fmla="*/ 906333 h 6861598"/>
              <a:gd name="connsiteX175" fmla="*/ 1765916 w 12193196"/>
              <a:gd name="connsiteY175" fmla="*/ 920582 h 6861598"/>
              <a:gd name="connsiteX176" fmla="*/ 1834850 w 12193196"/>
              <a:gd name="connsiteY176" fmla="*/ 893973 h 6861598"/>
              <a:gd name="connsiteX177" fmla="*/ 1859775 w 12193196"/>
              <a:gd name="connsiteY177" fmla="*/ 917884 h 6861598"/>
              <a:gd name="connsiteX178" fmla="*/ 1890592 w 12193196"/>
              <a:gd name="connsiteY178" fmla="*/ 917884 h 6861598"/>
              <a:gd name="connsiteX179" fmla="*/ 1850367 w 12193196"/>
              <a:gd name="connsiteY179" fmla="*/ 878807 h 6861598"/>
              <a:gd name="connsiteX180" fmla="*/ 1877941 w 12193196"/>
              <a:gd name="connsiteY180" fmla="*/ 820462 h 6861598"/>
              <a:gd name="connsiteX181" fmla="*/ 1855341 w 12193196"/>
              <a:gd name="connsiteY181" fmla="*/ 820462 h 6861598"/>
              <a:gd name="connsiteX182" fmla="*/ 1847718 w 12193196"/>
              <a:gd name="connsiteY182" fmla="*/ 844966 h 6861598"/>
              <a:gd name="connsiteX183" fmla="*/ 1835661 w 12193196"/>
              <a:gd name="connsiteY183" fmla="*/ 864558 h 6861598"/>
              <a:gd name="connsiteX184" fmla="*/ 1780892 w 12193196"/>
              <a:gd name="connsiteY184" fmla="*/ 811988 h 6861598"/>
              <a:gd name="connsiteX185" fmla="*/ 1811169 w 12193196"/>
              <a:gd name="connsiteY185" fmla="*/ 787322 h 6861598"/>
              <a:gd name="connsiteX186" fmla="*/ 1820306 w 12193196"/>
              <a:gd name="connsiteY186" fmla="*/ 760767 h 6861598"/>
              <a:gd name="connsiteX187" fmla="*/ 1807817 w 12193196"/>
              <a:gd name="connsiteY187" fmla="*/ 729517 h 6861598"/>
              <a:gd name="connsiteX188" fmla="*/ 1773485 w 12193196"/>
              <a:gd name="connsiteY188" fmla="*/ 718290 h 6861598"/>
              <a:gd name="connsiteX189" fmla="*/ 2484996 w 12193196"/>
              <a:gd name="connsiteY189" fmla="*/ 715753 h 6861598"/>
              <a:gd name="connsiteX190" fmla="*/ 2475589 w 12193196"/>
              <a:gd name="connsiteY190" fmla="*/ 719315 h 6861598"/>
              <a:gd name="connsiteX191" fmla="*/ 2471804 w 12193196"/>
              <a:gd name="connsiteY191" fmla="*/ 730542 h 6861598"/>
              <a:gd name="connsiteX192" fmla="*/ 2475589 w 12193196"/>
              <a:gd name="connsiteY192" fmla="*/ 741768 h 6861598"/>
              <a:gd name="connsiteX193" fmla="*/ 2494296 w 12193196"/>
              <a:gd name="connsiteY193" fmla="*/ 741768 h 6861598"/>
              <a:gd name="connsiteX194" fmla="*/ 2498242 w 12193196"/>
              <a:gd name="connsiteY194" fmla="*/ 730542 h 6861598"/>
              <a:gd name="connsiteX195" fmla="*/ 2494296 w 12193196"/>
              <a:gd name="connsiteY195" fmla="*/ 719369 h 6861598"/>
              <a:gd name="connsiteX196" fmla="*/ 2484996 w 12193196"/>
              <a:gd name="connsiteY196" fmla="*/ 715753 h 6861598"/>
              <a:gd name="connsiteX197" fmla="*/ 2071174 w 12193196"/>
              <a:gd name="connsiteY197" fmla="*/ 622920 h 6861598"/>
              <a:gd name="connsiteX198" fmla="*/ 2098208 w 12193196"/>
              <a:gd name="connsiteY198" fmla="*/ 622920 h 6861598"/>
              <a:gd name="connsiteX199" fmla="*/ 2126108 w 12193196"/>
              <a:gd name="connsiteY199" fmla="*/ 627562 h 6861598"/>
              <a:gd name="connsiteX200" fmla="*/ 2133460 w 12193196"/>
              <a:gd name="connsiteY200" fmla="*/ 644186 h 6861598"/>
              <a:gd name="connsiteX201" fmla="*/ 2119943 w 12193196"/>
              <a:gd name="connsiteY201" fmla="*/ 666963 h 6861598"/>
              <a:gd name="connsiteX202" fmla="*/ 2078258 w 12193196"/>
              <a:gd name="connsiteY202" fmla="*/ 675328 h 6861598"/>
              <a:gd name="connsiteX203" fmla="*/ 2049332 w 12193196"/>
              <a:gd name="connsiteY203" fmla="*/ 669174 h 6861598"/>
              <a:gd name="connsiteX204" fmla="*/ 2039222 w 12193196"/>
              <a:gd name="connsiteY204" fmla="*/ 651040 h 6861598"/>
              <a:gd name="connsiteX205" fmla="*/ 2047764 w 12193196"/>
              <a:gd name="connsiteY205" fmla="*/ 630207 h 6861598"/>
              <a:gd name="connsiteX206" fmla="*/ 2071174 w 12193196"/>
              <a:gd name="connsiteY206" fmla="*/ 622920 h 6861598"/>
              <a:gd name="connsiteX207" fmla="*/ 3122004 w 12193196"/>
              <a:gd name="connsiteY207" fmla="*/ 622919 h 6861598"/>
              <a:gd name="connsiteX208" fmla="*/ 3149037 w 12193196"/>
              <a:gd name="connsiteY208" fmla="*/ 622919 h 6861598"/>
              <a:gd name="connsiteX209" fmla="*/ 3176881 w 12193196"/>
              <a:gd name="connsiteY209" fmla="*/ 627561 h 6861598"/>
              <a:gd name="connsiteX210" fmla="*/ 3184289 w 12193196"/>
              <a:gd name="connsiteY210" fmla="*/ 644185 h 6861598"/>
              <a:gd name="connsiteX211" fmla="*/ 3170772 w 12193196"/>
              <a:gd name="connsiteY211" fmla="*/ 666962 h 6861598"/>
              <a:gd name="connsiteX212" fmla="*/ 3129087 w 12193196"/>
              <a:gd name="connsiteY212" fmla="*/ 675328 h 6861598"/>
              <a:gd name="connsiteX213" fmla="*/ 3100324 w 12193196"/>
              <a:gd name="connsiteY213" fmla="*/ 669175 h 6861598"/>
              <a:gd name="connsiteX214" fmla="*/ 3090213 w 12193196"/>
              <a:gd name="connsiteY214" fmla="*/ 651040 h 6861598"/>
              <a:gd name="connsiteX215" fmla="*/ 3098323 w 12193196"/>
              <a:gd name="connsiteY215" fmla="*/ 630206 h 6861598"/>
              <a:gd name="connsiteX216" fmla="*/ 3122004 w 12193196"/>
              <a:gd name="connsiteY216" fmla="*/ 622919 h 6861598"/>
              <a:gd name="connsiteX217" fmla="*/ 2482457 w 12193196"/>
              <a:gd name="connsiteY217" fmla="*/ 494948 h 6861598"/>
              <a:gd name="connsiteX218" fmla="*/ 2509382 w 12193196"/>
              <a:gd name="connsiteY218" fmla="*/ 506121 h 6861598"/>
              <a:gd name="connsiteX219" fmla="*/ 2518843 w 12193196"/>
              <a:gd name="connsiteY219" fmla="*/ 538505 h 6861598"/>
              <a:gd name="connsiteX220" fmla="*/ 2441691 w 12193196"/>
              <a:gd name="connsiteY220" fmla="*/ 538505 h 6861598"/>
              <a:gd name="connsiteX221" fmla="*/ 2454126 w 12193196"/>
              <a:gd name="connsiteY221" fmla="*/ 506553 h 6861598"/>
              <a:gd name="connsiteX222" fmla="*/ 2482457 w 12193196"/>
              <a:gd name="connsiteY222" fmla="*/ 494948 h 6861598"/>
              <a:gd name="connsiteX223" fmla="*/ 2637085 w 12193196"/>
              <a:gd name="connsiteY223" fmla="*/ 494948 h 6861598"/>
              <a:gd name="connsiteX224" fmla="*/ 2664064 w 12193196"/>
              <a:gd name="connsiteY224" fmla="*/ 506121 h 6861598"/>
              <a:gd name="connsiteX225" fmla="*/ 2673472 w 12193196"/>
              <a:gd name="connsiteY225" fmla="*/ 538505 h 6861598"/>
              <a:gd name="connsiteX226" fmla="*/ 2596320 w 12193196"/>
              <a:gd name="connsiteY226" fmla="*/ 538505 h 6861598"/>
              <a:gd name="connsiteX227" fmla="*/ 2608754 w 12193196"/>
              <a:gd name="connsiteY227" fmla="*/ 506553 h 6861598"/>
              <a:gd name="connsiteX228" fmla="*/ 2637085 w 12193196"/>
              <a:gd name="connsiteY228" fmla="*/ 494948 h 6861598"/>
              <a:gd name="connsiteX229" fmla="*/ 2083826 w 12193196"/>
              <a:gd name="connsiteY229" fmla="*/ 492575 h 6861598"/>
              <a:gd name="connsiteX230" fmla="*/ 2116915 w 12193196"/>
              <a:gd name="connsiteY230" fmla="*/ 525768 h 6861598"/>
              <a:gd name="connsiteX231" fmla="*/ 2084475 w 12193196"/>
              <a:gd name="connsiteY231" fmla="*/ 557451 h 6861598"/>
              <a:gd name="connsiteX232" fmla="*/ 2060092 w 12193196"/>
              <a:gd name="connsiteY232" fmla="*/ 549570 h 6861598"/>
              <a:gd name="connsiteX233" fmla="*/ 2051333 w 12193196"/>
              <a:gd name="connsiteY233" fmla="*/ 526146 h 6861598"/>
              <a:gd name="connsiteX234" fmla="*/ 2059550 w 12193196"/>
              <a:gd name="connsiteY234" fmla="*/ 501048 h 6861598"/>
              <a:gd name="connsiteX235" fmla="*/ 2083826 w 12193196"/>
              <a:gd name="connsiteY235" fmla="*/ 492575 h 6861598"/>
              <a:gd name="connsiteX236" fmla="*/ 3135034 w 12193196"/>
              <a:gd name="connsiteY236" fmla="*/ 492574 h 6861598"/>
              <a:gd name="connsiteX237" fmla="*/ 3168177 w 12193196"/>
              <a:gd name="connsiteY237" fmla="*/ 525767 h 6861598"/>
              <a:gd name="connsiteX238" fmla="*/ 3135467 w 12193196"/>
              <a:gd name="connsiteY238" fmla="*/ 557450 h 6861598"/>
              <a:gd name="connsiteX239" fmla="*/ 3111083 w 12193196"/>
              <a:gd name="connsiteY239" fmla="*/ 549570 h 6861598"/>
              <a:gd name="connsiteX240" fmla="*/ 3102323 w 12193196"/>
              <a:gd name="connsiteY240" fmla="*/ 526145 h 6861598"/>
              <a:gd name="connsiteX241" fmla="*/ 3110813 w 12193196"/>
              <a:gd name="connsiteY241" fmla="*/ 501048 h 6861598"/>
              <a:gd name="connsiteX242" fmla="*/ 3135034 w 12193196"/>
              <a:gd name="connsiteY242" fmla="*/ 492574 h 6861598"/>
              <a:gd name="connsiteX243" fmla="*/ 2847943 w 12193196"/>
              <a:gd name="connsiteY243" fmla="*/ 478973 h 6861598"/>
              <a:gd name="connsiteX244" fmla="*/ 2847943 w 12193196"/>
              <a:gd name="connsiteY244" fmla="*/ 626266 h 6861598"/>
              <a:gd name="connsiteX245" fmla="*/ 2870489 w 12193196"/>
              <a:gd name="connsiteY245" fmla="*/ 626266 h 6861598"/>
              <a:gd name="connsiteX246" fmla="*/ 2870273 w 12193196"/>
              <a:gd name="connsiteY246" fmla="*/ 478973 h 6861598"/>
              <a:gd name="connsiteX247" fmla="*/ 2187202 w 12193196"/>
              <a:gd name="connsiteY247" fmla="*/ 478972 h 6861598"/>
              <a:gd name="connsiteX248" fmla="*/ 2187202 w 12193196"/>
              <a:gd name="connsiteY248" fmla="*/ 626266 h 6861598"/>
              <a:gd name="connsiteX249" fmla="*/ 2209531 w 12193196"/>
              <a:gd name="connsiteY249" fmla="*/ 626266 h 6861598"/>
              <a:gd name="connsiteX250" fmla="*/ 2209531 w 12193196"/>
              <a:gd name="connsiteY250" fmla="*/ 478972 h 6861598"/>
              <a:gd name="connsiteX251" fmla="*/ 1936875 w 12193196"/>
              <a:gd name="connsiteY251" fmla="*/ 476275 h 6861598"/>
              <a:gd name="connsiteX252" fmla="*/ 1909248 w 12193196"/>
              <a:gd name="connsiteY252" fmla="*/ 482266 h 6861598"/>
              <a:gd name="connsiteX253" fmla="*/ 1890000 w 12193196"/>
              <a:gd name="connsiteY253" fmla="*/ 499160 h 6861598"/>
              <a:gd name="connsiteX254" fmla="*/ 1888919 w 12193196"/>
              <a:gd name="connsiteY254" fmla="*/ 499160 h 6861598"/>
              <a:gd name="connsiteX255" fmla="*/ 1885296 w 12193196"/>
              <a:gd name="connsiteY255" fmla="*/ 478974 h 6861598"/>
              <a:gd name="connsiteX256" fmla="*/ 1867130 w 12193196"/>
              <a:gd name="connsiteY256" fmla="*/ 478974 h 6861598"/>
              <a:gd name="connsiteX257" fmla="*/ 1867130 w 12193196"/>
              <a:gd name="connsiteY257" fmla="*/ 626267 h 6861598"/>
              <a:gd name="connsiteX258" fmla="*/ 1889459 w 12193196"/>
              <a:gd name="connsiteY258" fmla="*/ 626267 h 6861598"/>
              <a:gd name="connsiteX259" fmla="*/ 1889459 w 12193196"/>
              <a:gd name="connsiteY259" fmla="*/ 549031 h 6861598"/>
              <a:gd name="connsiteX260" fmla="*/ 1900273 w 12193196"/>
              <a:gd name="connsiteY260" fmla="*/ 507742 h 6861598"/>
              <a:gd name="connsiteX261" fmla="*/ 1934226 w 12193196"/>
              <a:gd name="connsiteY261" fmla="*/ 495274 h 6861598"/>
              <a:gd name="connsiteX262" fmla="*/ 1959691 w 12193196"/>
              <a:gd name="connsiteY262" fmla="*/ 504179 h 6861598"/>
              <a:gd name="connsiteX263" fmla="*/ 1967909 w 12193196"/>
              <a:gd name="connsiteY263" fmla="*/ 531166 h 6861598"/>
              <a:gd name="connsiteX264" fmla="*/ 1967909 w 12193196"/>
              <a:gd name="connsiteY264" fmla="*/ 626267 h 6861598"/>
              <a:gd name="connsiteX265" fmla="*/ 1990455 w 12193196"/>
              <a:gd name="connsiteY265" fmla="*/ 626267 h 6861598"/>
              <a:gd name="connsiteX266" fmla="*/ 1990455 w 12193196"/>
              <a:gd name="connsiteY266" fmla="*/ 530195 h 6861598"/>
              <a:gd name="connsiteX267" fmla="*/ 1976993 w 12193196"/>
              <a:gd name="connsiteY267" fmla="*/ 489121 h 6861598"/>
              <a:gd name="connsiteX268" fmla="*/ 1936875 w 12193196"/>
              <a:gd name="connsiteY268" fmla="*/ 476275 h 6861598"/>
              <a:gd name="connsiteX269" fmla="*/ 2482727 w 12193196"/>
              <a:gd name="connsiteY269" fmla="*/ 476274 h 6861598"/>
              <a:gd name="connsiteX270" fmla="*/ 2435527 w 12193196"/>
              <a:gd name="connsiteY270" fmla="*/ 497269 h 6861598"/>
              <a:gd name="connsiteX271" fmla="*/ 2417956 w 12193196"/>
              <a:gd name="connsiteY271" fmla="*/ 553833 h 6861598"/>
              <a:gd name="connsiteX272" fmla="*/ 2436879 w 12193196"/>
              <a:gd name="connsiteY272" fmla="*/ 609102 h 6861598"/>
              <a:gd name="connsiteX273" fmla="*/ 2488512 w 12193196"/>
              <a:gd name="connsiteY273" fmla="*/ 628964 h 6861598"/>
              <a:gd name="connsiteX274" fmla="*/ 2514085 w 12193196"/>
              <a:gd name="connsiteY274" fmla="*/ 626751 h 6861598"/>
              <a:gd name="connsiteX275" fmla="*/ 2536523 w 12193196"/>
              <a:gd name="connsiteY275" fmla="*/ 619465 h 6861598"/>
              <a:gd name="connsiteX276" fmla="*/ 2536523 w 12193196"/>
              <a:gd name="connsiteY276" fmla="*/ 599549 h 6861598"/>
              <a:gd name="connsiteX277" fmla="*/ 2489377 w 12193196"/>
              <a:gd name="connsiteY277" fmla="*/ 609480 h 6861598"/>
              <a:gd name="connsiteX278" fmla="*/ 2454342 w 12193196"/>
              <a:gd name="connsiteY278" fmla="*/ 596041 h 6861598"/>
              <a:gd name="connsiteX279" fmla="*/ 2441204 w 12193196"/>
              <a:gd name="connsiteY279" fmla="*/ 556694 h 6861598"/>
              <a:gd name="connsiteX280" fmla="*/ 2542849 w 12193196"/>
              <a:gd name="connsiteY280" fmla="*/ 556694 h 6861598"/>
              <a:gd name="connsiteX281" fmla="*/ 2542849 w 12193196"/>
              <a:gd name="connsiteY281" fmla="*/ 542553 h 6861598"/>
              <a:gd name="connsiteX282" fmla="*/ 2526629 w 12193196"/>
              <a:gd name="connsiteY282" fmla="*/ 494517 h 6861598"/>
              <a:gd name="connsiteX283" fmla="*/ 2482727 w 12193196"/>
              <a:gd name="connsiteY283" fmla="*/ 476274 h 6861598"/>
              <a:gd name="connsiteX284" fmla="*/ 2326692 w 12193196"/>
              <a:gd name="connsiteY284" fmla="*/ 476274 h 6861598"/>
              <a:gd name="connsiteX285" fmla="*/ 2299065 w 12193196"/>
              <a:gd name="connsiteY285" fmla="*/ 482265 h 6861598"/>
              <a:gd name="connsiteX286" fmla="*/ 2279817 w 12193196"/>
              <a:gd name="connsiteY286" fmla="*/ 499159 h 6861598"/>
              <a:gd name="connsiteX287" fmla="*/ 2278736 w 12193196"/>
              <a:gd name="connsiteY287" fmla="*/ 499159 h 6861598"/>
              <a:gd name="connsiteX288" fmla="*/ 2275113 w 12193196"/>
              <a:gd name="connsiteY288" fmla="*/ 478973 h 6861598"/>
              <a:gd name="connsiteX289" fmla="*/ 2256947 w 12193196"/>
              <a:gd name="connsiteY289" fmla="*/ 478973 h 6861598"/>
              <a:gd name="connsiteX290" fmla="*/ 2256947 w 12193196"/>
              <a:gd name="connsiteY290" fmla="*/ 626266 h 6861598"/>
              <a:gd name="connsiteX291" fmla="*/ 2279276 w 12193196"/>
              <a:gd name="connsiteY291" fmla="*/ 626266 h 6861598"/>
              <a:gd name="connsiteX292" fmla="*/ 2279276 w 12193196"/>
              <a:gd name="connsiteY292" fmla="*/ 549084 h 6861598"/>
              <a:gd name="connsiteX293" fmla="*/ 2290090 w 12193196"/>
              <a:gd name="connsiteY293" fmla="*/ 507795 h 6861598"/>
              <a:gd name="connsiteX294" fmla="*/ 2323989 w 12193196"/>
              <a:gd name="connsiteY294" fmla="*/ 495327 h 6861598"/>
              <a:gd name="connsiteX295" fmla="*/ 2349725 w 12193196"/>
              <a:gd name="connsiteY295" fmla="*/ 504178 h 6861598"/>
              <a:gd name="connsiteX296" fmla="*/ 2357943 w 12193196"/>
              <a:gd name="connsiteY296" fmla="*/ 531165 h 6861598"/>
              <a:gd name="connsiteX297" fmla="*/ 2357943 w 12193196"/>
              <a:gd name="connsiteY297" fmla="*/ 626266 h 6861598"/>
              <a:gd name="connsiteX298" fmla="*/ 2380272 w 12193196"/>
              <a:gd name="connsiteY298" fmla="*/ 626266 h 6861598"/>
              <a:gd name="connsiteX299" fmla="*/ 2380272 w 12193196"/>
              <a:gd name="connsiteY299" fmla="*/ 530194 h 6861598"/>
              <a:gd name="connsiteX300" fmla="*/ 2366810 w 12193196"/>
              <a:gd name="connsiteY300" fmla="*/ 489120 h 6861598"/>
              <a:gd name="connsiteX301" fmla="*/ 2326692 w 12193196"/>
              <a:gd name="connsiteY301" fmla="*/ 476274 h 6861598"/>
              <a:gd name="connsiteX302" fmla="*/ 2637409 w 12193196"/>
              <a:gd name="connsiteY302" fmla="*/ 476274 h 6861598"/>
              <a:gd name="connsiteX303" fmla="*/ 2590265 w 12193196"/>
              <a:gd name="connsiteY303" fmla="*/ 497269 h 6861598"/>
              <a:gd name="connsiteX304" fmla="*/ 2572692 w 12193196"/>
              <a:gd name="connsiteY304" fmla="*/ 553833 h 6861598"/>
              <a:gd name="connsiteX305" fmla="*/ 2591561 w 12193196"/>
              <a:gd name="connsiteY305" fmla="*/ 609102 h 6861598"/>
              <a:gd name="connsiteX306" fmla="*/ 2643249 w 12193196"/>
              <a:gd name="connsiteY306" fmla="*/ 628964 h 6861598"/>
              <a:gd name="connsiteX307" fmla="*/ 2668714 w 12193196"/>
              <a:gd name="connsiteY307" fmla="*/ 626751 h 6861598"/>
              <a:gd name="connsiteX308" fmla="*/ 2691151 w 12193196"/>
              <a:gd name="connsiteY308" fmla="*/ 619465 h 6861598"/>
              <a:gd name="connsiteX309" fmla="*/ 2691151 w 12193196"/>
              <a:gd name="connsiteY309" fmla="*/ 599549 h 6861598"/>
              <a:gd name="connsiteX310" fmla="*/ 2644060 w 12193196"/>
              <a:gd name="connsiteY310" fmla="*/ 609480 h 6861598"/>
              <a:gd name="connsiteX311" fmla="*/ 2609025 w 12193196"/>
              <a:gd name="connsiteY311" fmla="*/ 596041 h 6861598"/>
              <a:gd name="connsiteX312" fmla="*/ 2595887 w 12193196"/>
              <a:gd name="connsiteY312" fmla="*/ 556694 h 6861598"/>
              <a:gd name="connsiteX313" fmla="*/ 2697531 w 12193196"/>
              <a:gd name="connsiteY313" fmla="*/ 556694 h 6861598"/>
              <a:gd name="connsiteX314" fmla="*/ 2697531 w 12193196"/>
              <a:gd name="connsiteY314" fmla="*/ 542553 h 6861598"/>
              <a:gd name="connsiteX315" fmla="*/ 2681312 w 12193196"/>
              <a:gd name="connsiteY315" fmla="*/ 494517 h 6861598"/>
              <a:gd name="connsiteX316" fmla="*/ 2637409 w 12193196"/>
              <a:gd name="connsiteY316" fmla="*/ 476274 h 6861598"/>
              <a:gd name="connsiteX317" fmla="*/ 2987596 w 12193196"/>
              <a:gd name="connsiteY317" fmla="*/ 476274 h 6861598"/>
              <a:gd name="connsiteX318" fmla="*/ 2959969 w 12193196"/>
              <a:gd name="connsiteY318" fmla="*/ 482265 h 6861598"/>
              <a:gd name="connsiteX319" fmla="*/ 2940721 w 12193196"/>
              <a:gd name="connsiteY319" fmla="*/ 499159 h 6861598"/>
              <a:gd name="connsiteX320" fmla="*/ 2939640 w 12193196"/>
              <a:gd name="connsiteY320" fmla="*/ 499159 h 6861598"/>
              <a:gd name="connsiteX321" fmla="*/ 2936017 w 12193196"/>
              <a:gd name="connsiteY321" fmla="*/ 478973 h 6861598"/>
              <a:gd name="connsiteX322" fmla="*/ 2917851 w 12193196"/>
              <a:gd name="connsiteY322" fmla="*/ 478973 h 6861598"/>
              <a:gd name="connsiteX323" fmla="*/ 2917851 w 12193196"/>
              <a:gd name="connsiteY323" fmla="*/ 626266 h 6861598"/>
              <a:gd name="connsiteX324" fmla="*/ 2940180 w 12193196"/>
              <a:gd name="connsiteY324" fmla="*/ 626266 h 6861598"/>
              <a:gd name="connsiteX325" fmla="*/ 2940180 w 12193196"/>
              <a:gd name="connsiteY325" fmla="*/ 549084 h 6861598"/>
              <a:gd name="connsiteX326" fmla="*/ 2950994 w 12193196"/>
              <a:gd name="connsiteY326" fmla="*/ 507795 h 6861598"/>
              <a:gd name="connsiteX327" fmla="*/ 2984947 w 12193196"/>
              <a:gd name="connsiteY327" fmla="*/ 495327 h 6861598"/>
              <a:gd name="connsiteX328" fmla="*/ 3010629 w 12193196"/>
              <a:gd name="connsiteY328" fmla="*/ 504178 h 6861598"/>
              <a:gd name="connsiteX329" fmla="*/ 3018847 w 12193196"/>
              <a:gd name="connsiteY329" fmla="*/ 531165 h 6861598"/>
              <a:gd name="connsiteX330" fmla="*/ 3018847 w 12193196"/>
              <a:gd name="connsiteY330" fmla="*/ 626266 h 6861598"/>
              <a:gd name="connsiteX331" fmla="*/ 3041176 w 12193196"/>
              <a:gd name="connsiteY331" fmla="*/ 626266 h 6861598"/>
              <a:gd name="connsiteX332" fmla="*/ 3041176 w 12193196"/>
              <a:gd name="connsiteY332" fmla="*/ 530194 h 6861598"/>
              <a:gd name="connsiteX333" fmla="*/ 3027714 w 12193196"/>
              <a:gd name="connsiteY333" fmla="*/ 489120 h 6861598"/>
              <a:gd name="connsiteX334" fmla="*/ 2987596 w 12193196"/>
              <a:gd name="connsiteY334" fmla="*/ 476274 h 6861598"/>
              <a:gd name="connsiteX335" fmla="*/ 3136170 w 12193196"/>
              <a:gd name="connsiteY335" fmla="*/ 476274 h 6861598"/>
              <a:gd name="connsiteX336" fmla="*/ 3094971 w 12193196"/>
              <a:gd name="connsiteY336" fmla="*/ 489389 h 6861598"/>
              <a:gd name="connsiteX337" fmla="*/ 3080426 w 12193196"/>
              <a:gd name="connsiteY337" fmla="*/ 526685 h 6861598"/>
              <a:gd name="connsiteX338" fmla="*/ 3087456 w 12193196"/>
              <a:gd name="connsiteY338" fmla="*/ 552268 h 6861598"/>
              <a:gd name="connsiteX339" fmla="*/ 3106109 w 12193196"/>
              <a:gd name="connsiteY339" fmla="*/ 568460 h 6861598"/>
              <a:gd name="connsiteX340" fmla="*/ 3092484 w 12193196"/>
              <a:gd name="connsiteY340" fmla="*/ 580118 h 6861598"/>
              <a:gd name="connsiteX341" fmla="*/ 3088213 w 12193196"/>
              <a:gd name="connsiteY341" fmla="*/ 594260 h 6861598"/>
              <a:gd name="connsiteX342" fmla="*/ 3092051 w 12193196"/>
              <a:gd name="connsiteY342" fmla="*/ 606727 h 6861598"/>
              <a:gd name="connsiteX343" fmla="*/ 3101513 w 12193196"/>
              <a:gd name="connsiteY343" fmla="*/ 614985 h 6861598"/>
              <a:gd name="connsiteX344" fmla="*/ 3077292 w 12193196"/>
              <a:gd name="connsiteY344" fmla="*/ 628317 h 6861598"/>
              <a:gd name="connsiteX345" fmla="*/ 3068802 w 12193196"/>
              <a:gd name="connsiteY345" fmla="*/ 651309 h 6861598"/>
              <a:gd name="connsiteX346" fmla="*/ 3084481 w 12193196"/>
              <a:gd name="connsiteY346" fmla="*/ 681642 h 6861598"/>
              <a:gd name="connsiteX347" fmla="*/ 3129087 w 12193196"/>
              <a:gd name="connsiteY347" fmla="*/ 692437 h 6861598"/>
              <a:gd name="connsiteX348" fmla="*/ 3186127 w 12193196"/>
              <a:gd name="connsiteY348" fmla="*/ 679861 h 6861598"/>
              <a:gd name="connsiteX349" fmla="*/ 3205807 w 12193196"/>
              <a:gd name="connsiteY349" fmla="*/ 642566 h 6861598"/>
              <a:gd name="connsiteX350" fmla="*/ 3192939 w 12193196"/>
              <a:gd name="connsiteY350" fmla="*/ 613258 h 6861598"/>
              <a:gd name="connsiteX351" fmla="*/ 3156120 w 12193196"/>
              <a:gd name="connsiteY351" fmla="*/ 603165 h 6861598"/>
              <a:gd name="connsiteX352" fmla="*/ 3130221 w 12193196"/>
              <a:gd name="connsiteY352" fmla="*/ 603165 h 6861598"/>
              <a:gd name="connsiteX353" fmla="*/ 3113083 w 12193196"/>
              <a:gd name="connsiteY353" fmla="*/ 600305 h 6861598"/>
              <a:gd name="connsiteX354" fmla="*/ 3108109 w 12193196"/>
              <a:gd name="connsiteY354" fmla="*/ 591345 h 6861598"/>
              <a:gd name="connsiteX355" fmla="*/ 3122383 w 12193196"/>
              <a:gd name="connsiteY355" fmla="*/ 572400 h 6861598"/>
              <a:gd name="connsiteX356" fmla="*/ 3134764 w 12193196"/>
              <a:gd name="connsiteY356" fmla="*/ 573480 h 6861598"/>
              <a:gd name="connsiteX357" fmla="*/ 3175422 w 12193196"/>
              <a:gd name="connsiteY357" fmla="*/ 560580 h 6861598"/>
              <a:gd name="connsiteX358" fmla="*/ 3190236 w 12193196"/>
              <a:gd name="connsiteY358" fmla="*/ 526037 h 6861598"/>
              <a:gd name="connsiteX359" fmla="*/ 3187316 w 12193196"/>
              <a:gd name="connsiteY359" fmla="*/ 508874 h 6861598"/>
              <a:gd name="connsiteX360" fmla="*/ 3180558 w 12193196"/>
              <a:gd name="connsiteY360" fmla="*/ 496568 h 6861598"/>
              <a:gd name="connsiteX361" fmla="*/ 3207916 w 12193196"/>
              <a:gd name="connsiteY361" fmla="*/ 493383 h 6861598"/>
              <a:gd name="connsiteX362" fmla="*/ 3207916 w 12193196"/>
              <a:gd name="connsiteY362" fmla="*/ 478972 h 6861598"/>
              <a:gd name="connsiteX363" fmla="*/ 3157039 w 12193196"/>
              <a:gd name="connsiteY363" fmla="*/ 478972 h 6861598"/>
              <a:gd name="connsiteX364" fmla="*/ 3136170 w 12193196"/>
              <a:gd name="connsiteY364" fmla="*/ 476274 h 6861598"/>
              <a:gd name="connsiteX365" fmla="*/ 2802907 w 12193196"/>
              <a:gd name="connsiteY365" fmla="*/ 476273 h 6861598"/>
              <a:gd name="connsiteX366" fmla="*/ 2777658 w 12193196"/>
              <a:gd name="connsiteY366" fmla="*/ 484100 h 6861598"/>
              <a:gd name="connsiteX367" fmla="*/ 2757599 w 12193196"/>
              <a:gd name="connsiteY367" fmla="*/ 506283 h 6861598"/>
              <a:gd name="connsiteX368" fmla="*/ 2756518 w 12193196"/>
              <a:gd name="connsiteY368" fmla="*/ 506283 h 6861598"/>
              <a:gd name="connsiteX369" fmla="*/ 2753978 w 12193196"/>
              <a:gd name="connsiteY369" fmla="*/ 478972 h 6861598"/>
              <a:gd name="connsiteX370" fmla="*/ 2735540 w 12193196"/>
              <a:gd name="connsiteY370" fmla="*/ 478972 h 6861598"/>
              <a:gd name="connsiteX371" fmla="*/ 2735540 w 12193196"/>
              <a:gd name="connsiteY371" fmla="*/ 626266 h 6861598"/>
              <a:gd name="connsiteX372" fmla="*/ 2757869 w 12193196"/>
              <a:gd name="connsiteY372" fmla="*/ 626266 h 6861598"/>
              <a:gd name="connsiteX373" fmla="*/ 2757869 w 12193196"/>
              <a:gd name="connsiteY373" fmla="*/ 547410 h 6861598"/>
              <a:gd name="connsiteX374" fmla="*/ 2770629 w 12193196"/>
              <a:gd name="connsiteY374" fmla="*/ 511248 h 6861598"/>
              <a:gd name="connsiteX375" fmla="*/ 2801230 w 12193196"/>
              <a:gd name="connsiteY375" fmla="*/ 496729 h 6861598"/>
              <a:gd name="connsiteX376" fmla="*/ 2817450 w 12193196"/>
              <a:gd name="connsiteY376" fmla="*/ 498780 h 6861598"/>
              <a:gd name="connsiteX377" fmla="*/ 2820532 w 12193196"/>
              <a:gd name="connsiteY377" fmla="*/ 477893 h 6861598"/>
              <a:gd name="connsiteX378" fmla="*/ 2802907 w 12193196"/>
              <a:gd name="connsiteY378" fmla="*/ 476274 h 6861598"/>
              <a:gd name="connsiteX379" fmla="*/ 2085015 w 12193196"/>
              <a:gd name="connsiteY379" fmla="*/ 476059 h 6861598"/>
              <a:gd name="connsiteX380" fmla="*/ 2043818 w 12193196"/>
              <a:gd name="connsiteY380" fmla="*/ 489174 h 6861598"/>
              <a:gd name="connsiteX381" fmla="*/ 2029274 w 12193196"/>
              <a:gd name="connsiteY381" fmla="*/ 526470 h 6861598"/>
              <a:gd name="connsiteX382" fmla="*/ 2036465 w 12193196"/>
              <a:gd name="connsiteY382" fmla="*/ 552268 h 6861598"/>
              <a:gd name="connsiteX383" fmla="*/ 2055118 w 12193196"/>
              <a:gd name="connsiteY383" fmla="*/ 568461 h 6861598"/>
              <a:gd name="connsiteX384" fmla="*/ 2041547 w 12193196"/>
              <a:gd name="connsiteY384" fmla="*/ 580119 h 6861598"/>
              <a:gd name="connsiteX385" fmla="*/ 2037222 w 12193196"/>
              <a:gd name="connsiteY385" fmla="*/ 594260 h 6861598"/>
              <a:gd name="connsiteX386" fmla="*/ 2041060 w 12193196"/>
              <a:gd name="connsiteY386" fmla="*/ 606728 h 6861598"/>
              <a:gd name="connsiteX387" fmla="*/ 2050414 w 12193196"/>
              <a:gd name="connsiteY387" fmla="*/ 614986 h 6861598"/>
              <a:gd name="connsiteX388" fmla="*/ 2026138 w 12193196"/>
              <a:gd name="connsiteY388" fmla="*/ 628317 h 6861598"/>
              <a:gd name="connsiteX389" fmla="*/ 2017704 w 12193196"/>
              <a:gd name="connsiteY389" fmla="*/ 651580 h 6861598"/>
              <a:gd name="connsiteX390" fmla="*/ 2033383 w 12193196"/>
              <a:gd name="connsiteY390" fmla="*/ 681912 h 6861598"/>
              <a:gd name="connsiteX391" fmla="*/ 2078042 w 12193196"/>
              <a:gd name="connsiteY391" fmla="*/ 692707 h 6861598"/>
              <a:gd name="connsiteX392" fmla="*/ 2135352 w 12193196"/>
              <a:gd name="connsiteY392" fmla="*/ 679862 h 6861598"/>
              <a:gd name="connsiteX393" fmla="*/ 2155033 w 12193196"/>
              <a:gd name="connsiteY393" fmla="*/ 642567 h 6861598"/>
              <a:gd name="connsiteX394" fmla="*/ 2142165 w 12193196"/>
              <a:gd name="connsiteY394" fmla="*/ 613259 h 6861598"/>
              <a:gd name="connsiteX395" fmla="*/ 2105346 w 12193196"/>
              <a:gd name="connsiteY395" fmla="*/ 603166 h 6861598"/>
              <a:gd name="connsiteX396" fmla="*/ 2079231 w 12193196"/>
              <a:gd name="connsiteY396" fmla="*/ 603166 h 6861598"/>
              <a:gd name="connsiteX397" fmla="*/ 2062146 w 12193196"/>
              <a:gd name="connsiteY397" fmla="*/ 600304 h 6861598"/>
              <a:gd name="connsiteX398" fmla="*/ 2057172 w 12193196"/>
              <a:gd name="connsiteY398" fmla="*/ 591346 h 6861598"/>
              <a:gd name="connsiteX399" fmla="*/ 2071392 w 12193196"/>
              <a:gd name="connsiteY399" fmla="*/ 572400 h 6861598"/>
              <a:gd name="connsiteX400" fmla="*/ 2083826 w 12193196"/>
              <a:gd name="connsiteY400" fmla="*/ 573481 h 6861598"/>
              <a:gd name="connsiteX401" fmla="*/ 2124486 w 12193196"/>
              <a:gd name="connsiteY401" fmla="*/ 560581 h 6861598"/>
              <a:gd name="connsiteX402" fmla="*/ 2139299 w 12193196"/>
              <a:gd name="connsiteY402" fmla="*/ 526038 h 6861598"/>
              <a:gd name="connsiteX403" fmla="*/ 2136325 w 12193196"/>
              <a:gd name="connsiteY403" fmla="*/ 508875 h 6861598"/>
              <a:gd name="connsiteX404" fmla="*/ 2129567 w 12193196"/>
              <a:gd name="connsiteY404" fmla="*/ 496569 h 6861598"/>
              <a:gd name="connsiteX405" fmla="*/ 2156925 w 12193196"/>
              <a:gd name="connsiteY405" fmla="*/ 493384 h 6861598"/>
              <a:gd name="connsiteX406" fmla="*/ 2156925 w 12193196"/>
              <a:gd name="connsiteY406" fmla="*/ 478973 h 6861598"/>
              <a:gd name="connsiteX407" fmla="*/ 2105887 w 12193196"/>
              <a:gd name="connsiteY407" fmla="*/ 478757 h 6861598"/>
              <a:gd name="connsiteX408" fmla="*/ 2085015 w 12193196"/>
              <a:gd name="connsiteY408" fmla="*/ 476059 h 6861598"/>
              <a:gd name="connsiteX409" fmla="*/ 1716934 w 12193196"/>
              <a:gd name="connsiteY409" fmla="*/ 429804 h 6861598"/>
              <a:gd name="connsiteX410" fmla="*/ 1716934 w 12193196"/>
              <a:gd name="connsiteY410" fmla="*/ 626267 h 6861598"/>
              <a:gd name="connsiteX411" fmla="*/ 1826634 w 12193196"/>
              <a:gd name="connsiteY411" fmla="*/ 626267 h 6861598"/>
              <a:gd name="connsiteX412" fmla="*/ 1826634 w 12193196"/>
              <a:gd name="connsiteY412" fmla="*/ 605865 h 6861598"/>
              <a:gd name="connsiteX413" fmla="*/ 1739588 w 12193196"/>
              <a:gd name="connsiteY413" fmla="*/ 605865 h 6861598"/>
              <a:gd name="connsiteX414" fmla="*/ 1739588 w 12193196"/>
              <a:gd name="connsiteY414" fmla="*/ 533541 h 6861598"/>
              <a:gd name="connsiteX415" fmla="*/ 1821174 w 12193196"/>
              <a:gd name="connsiteY415" fmla="*/ 533541 h 6861598"/>
              <a:gd name="connsiteX416" fmla="*/ 1821174 w 12193196"/>
              <a:gd name="connsiteY416" fmla="*/ 513409 h 6861598"/>
              <a:gd name="connsiteX417" fmla="*/ 1739588 w 12193196"/>
              <a:gd name="connsiteY417" fmla="*/ 513409 h 6861598"/>
              <a:gd name="connsiteX418" fmla="*/ 1739588 w 12193196"/>
              <a:gd name="connsiteY418" fmla="*/ 450206 h 6861598"/>
              <a:gd name="connsiteX419" fmla="*/ 1826634 w 12193196"/>
              <a:gd name="connsiteY419" fmla="*/ 450206 h 6861598"/>
              <a:gd name="connsiteX420" fmla="*/ 1826634 w 12193196"/>
              <a:gd name="connsiteY420" fmla="*/ 429804 h 6861598"/>
              <a:gd name="connsiteX421" fmla="*/ 2189094 w 12193196"/>
              <a:gd name="connsiteY421" fmla="*/ 427859 h 6861598"/>
              <a:gd name="connsiteX422" fmla="*/ 2185309 w 12193196"/>
              <a:gd name="connsiteY422" fmla="*/ 439086 h 6861598"/>
              <a:gd name="connsiteX423" fmla="*/ 2189094 w 12193196"/>
              <a:gd name="connsiteY423" fmla="*/ 450204 h 6861598"/>
              <a:gd name="connsiteX424" fmla="*/ 2207801 w 12193196"/>
              <a:gd name="connsiteY424" fmla="*/ 450204 h 6861598"/>
              <a:gd name="connsiteX425" fmla="*/ 2211694 w 12193196"/>
              <a:gd name="connsiteY425" fmla="*/ 439033 h 6861598"/>
              <a:gd name="connsiteX426" fmla="*/ 2207801 w 12193196"/>
              <a:gd name="connsiteY426" fmla="*/ 427859 h 6861598"/>
              <a:gd name="connsiteX427" fmla="*/ 2189094 w 12193196"/>
              <a:gd name="connsiteY427" fmla="*/ 427859 h 6861598"/>
              <a:gd name="connsiteX428" fmla="*/ 2859460 w 12193196"/>
              <a:gd name="connsiteY428" fmla="*/ 424298 h 6861598"/>
              <a:gd name="connsiteX429" fmla="*/ 2850052 w 12193196"/>
              <a:gd name="connsiteY429" fmla="*/ 427860 h 6861598"/>
              <a:gd name="connsiteX430" fmla="*/ 2846267 w 12193196"/>
              <a:gd name="connsiteY430" fmla="*/ 439086 h 6861598"/>
              <a:gd name="connsiteX431" fmla="*/ 2850052 w 12193196"/>
              <a:gd name="connsiteY431" fmla="*/ 450313 h 6861598"/>
              <a:gd name="connsiteX432" fmla="*/ 2859460 w 12193196"/>
              <a:gd name="connsiteY432" fmla="*/ 453983 h 6861598"/>
              <a:gd name="connsiteX433" fmla="*/ 2868759 w 12193196"/>
              <a:gd name="connsiteY433" fmla="*/ 450313 h 6861598"/>
              <a:gd name="connsiteX434" fmla="*/ 2872652 w 12193196"/>
              <a:gd name="connsiteY434" fmla="*/ 439086 h 6861598"/>
              <a:gd name="connsiteX435" fmla="*/ 2868759 w 12193196"/>
              <a:gd name="connsiteY435" fmla="*/ 427914 h 6861598"/>
              <a:gd name="connsiteX436" fmla="*/ 2859460 w 12193196"/>
              <a:gd name="connsiteY436" fmla="*/ 424298 h 6861598"/>
              <a:gd name="connsiteX437" fmla="*/ 376999 w 12193196"/>
              <a:gd name="connsiteY437" fmla="*/ 311072 h 6861598"/>
              <a:gd name="connsiteX438" fmla="*/ 301430 w 12193196"/>
              <a:gd name="connsiteY438" fmla="*/ 386641 h 6861598"/>
              <a:gd name="connsiteX439" fmla="*/ 301430 w 12193196"/>
              <a:gd name="connsiteY439" fmla="*/ 960386 h 6861598"/>
              <a:gd name="connsiteX440" fmla="*/ 376999 w 12193196"/>
              <a:gd name="connsiteY440" fmla="*/ 1035955 h 6861598"/>
              <a:gd name="connsiteX441" fmla="*/ 1497644 w 12193196"/>
              <a:gd name="connsiteY441" fmla="*/ 1035955 h 6861598"/>
              <a:gd name="connsiteX442" fmla="*/ 1573213 w 12193196"/>
              <a:gd name="connsiteY442" fmla="*/ 960386 h 6861598"/>
              <a:gd name="connsiteX443" fmla="*/ 1573213 w 12193196"/>
              <a:gd name="connsiteY443" fmla="*/ 386641 h 6861598"/>
              <a:gd name="connsiteX444" fmla="*/ 1497644 w 12193196"/>
              <a:gd name="connsiteY444" fmla="*/ 311072 h 6861598"/>
              <a:gd name="connsiteX445" fmla="*/ 0 w 12193196"/>
              <a:gd name="connsiteY445" fmla="*/ 0 h 6861598"/>
              <a:gd name="connsiteX446" fmla="*/ 11867250 w 12193196"/>
              <a:gd name="connsiteY446" fmla="*/ 0 h 6861598"/>
              <a:gd name="connsiteX447" fmla="*/ 11867250 w 12193196"/>
              <a:gd name="connsiteY447" fmla="*/ 2037600 h 6861598"/>
              <a:gd name="connsiteX448" fmla="*/ 11881650 w 12193196"/>
              <a:gd name="connsiteY448" fmla="*/ 2037600 h 6861598"/>
              <a:gd name="connsiteX449" fmla="*/ 11881650 w 12193196"/>
              <a:gd name="connsiteY449" fmla="*/ 0 h 6861598"/>
              <a:gd name="connsiteX450" fmla="*/ 12193196 w 12193196"/>
              <a:gd name="connsiteY450" fmla="*/ 0 h 6861598"/>
              <a:gd name="connsiteX451" fmla="*/ 12193196 w 12193196"/>
              <a:gd name="connsiteY451" fmla="*/ 6861598 h 6861598"/>
              <a:gd name="connsiteX452" fmla="*/ 0 w 12193196"/>
              <a:gd name="connsiteY452" fmla="*/ 6861598 h 6861598"/>
              <a:gd name="connsiteX453" fmla="*/ 0 w 12193196"/>
              <a:gd name="connsiteY453" fmla="*/ 6541141 h 6861598"/>
              <a:gd name="connsiteX454" fmla="*/ 9709193 w 12193196"/>
              <a:gd name="connsiteY454" fmla="*/ 6541141 h 6861598"/>
              <a:gd name="connsiteX455" fmla="*/ 9709193 w 12193196"/>
              <a:gd name="connsiteY455" fmla="*/ 6526741 h 6861598"/>
              <a:gd name="connsiteX456" fmla="*/ 0 w 12193196"/>
              <a:gd name="connsiteY456" fmla="*/ 6526741 h 6861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Lst>
            <a:rect l="l" t="t" r="r" b="b"/>
            <a:pathLst>
              <a:path w="12193196" h="6861598">
                <a:moveTo>
                  <a:pt x="11860221" y="5768017"/>
                </a:moveTo>
                <a:lnTo>
                  <a:pt x="11860221" y="6526741"/>
                </a:lnTo>
                <a:lnTo>
                  <a:pt x="11583390" y="6526741"/>
                </a:lnTo>
                <a:lnTo>
                  <a:pt x="11583390" y="6541141"/>
                </a:lnTo>
                <a:lnTo>
                  <a:pt x="11860221" y="6541141"/>
                </a:lnTo>
                <a:lnTo>
                  <a:pt x="11860221" y="6542017"/>
                </a:lnTo>
                <a:lnTo>
                  <a:pt x="11874621" y="6542017"/>
                </a:lnTo>
                <a:lnTo>
                  <a:pt x="11874621" y="5768017"/>
                </a:lnTo>
                <a:close/>
                <a:moveTo>
                  <a:pt x="6206395" y="2246399"/>
                </a:moveTo>
                <a:lnTo>
                  <a:pt x="6206395" y="5342398"/>
                </a:lnTo>
                <a:lnTo>
                  <a:pt x="6411595" y="5342398"/>
                </a:lnTo>
                <a:lnTo>
                  <a:pt x="6411595" y="5556635"/>
                </a:lnTo>
                <a:lnTo>
                  <a:pt x="12193195" y="5556635"/>
                </a:lnTo>
                <a:lnTo>
                  <a:pt x="12193195" y="5342398"/>
                </a:lnTo>
                <a:lnTo>
                  <a:pt x="12193195" y="4265998"/>
                </a:lnTo>
                <a:lnTo>
                  <a:pt x="12193195" y="2246399"/>
                </a:lnTo>
                <a:close/>
                <a:moveTo>
                  <a:pt x="2578369" y="914375"/>
                </a:moveTo>
                <a:lnTo>
                  <a:pt x="2605402" y="914375"/>
                </a:lnTo>
                <a:cubicBezTo>
                  <a:pt x="2619080" y="914375"/>
                  <a:pt x="2628326" y="915940"/>
                  <a:pt x="2633300" y="919016"/>
                </a:cubicBezTo>
                <a:cubicBezTo>
                  <a:pt x="2638585" y="922824"/>
                  <a:pt x="2641413" y="929172"/>
                  <a:pt x="2640707" y="935640"/>
                </a:cubicBezTo>
                <a:cubicBezTo>
                  <a:pt x="2640732" y="945149"/>
                  <a:pt x="2635519" y="953901"/>
                  <a:pt x="2627136" y="958417"/>
                </a:cubicBezTo>
                <a:cubicBezTo>
                  <a:pt x="2617945" y="964030"/>
                  <a:pt x="2604265" y="966783"/>
                  <a:pt x="2585505" y="966783"/>
                </a:cubicBezTo>
                <a:cubicBezTo>
                  <a:pt x="2575467" y="967363"/>
                  <a:pt x="2565458" y="965238"/>
                  <a:pt x="2556526" y="960630"/>
                </a:cubicBezTo>
                <a:cubicBezTo>
                  <a:pt x="2550065" y="956913"/>
                  <a:pt x="2546194" y="949933"/>
                  <a:pt x="2546469" y="942495"/>
                </a:cubicBezTo>
                <a:lnTo>
                  <a:pt x="2546577" y="942495"/>
                </a:lnTo>
                <a:cubicBezTo>
                  <a:pt x="2545981" y="934693"/>
                  <a:pt x="2548939" y="927039"/>
                  <a:pt x="2554633" y="921661"/>
                </a:cubicBezTo>
                <a:cubicBezTo>
                  <a:pt x="2561400" y="916443"/>
                  <a:pt x="2569834" y="913854"/>
                  <a:pt x="2578369" y="914375"/>
                </a:cubicBezTo>
                <a:close/>
                <a:moveTo>
                  <a:pt x="1761482" y="822621"/>
                </a:moveTo>
                <a:lnTo>
                  <a:pt x="1820685" y="879724"/>
                </a:lnTo>
                <a:cubicBezTo>
                  <a:pt x="1806198" y="893620"/>
                  <a:pt x="1786698" y="901076"/>
                  <a:pt x="1766619" y="900396"/>
                </a:cubicBezTo>
                <a:cubicBezTo>
                  <a:pt x="1756466" y="900899"/>
                  <a:pt x="1746494" y="897587"/>
                  <a:pt x="1738666" y="891113"/>
                </a:cubicBezTo>
                <a:cubicBezTo>
                  <a:pt x="1731621" y="884782"/>
                  <a:pt x="1727791" y="875630"/>
                  <a:pt x="1728232" y="866177"/>
                </a:cubicBezTo>
                <a:cubicBezTo>
                  <a:pt x="1728126" y="860828"/>
                  <a:pt x="1729139" y="855515"/>
                  <a:pt x="1731205" y="850579"/>
                </a:cubicBezTo>
                <a:cubicBezTo>
                  <a:pt x="1733360" y="845730"/>
                  <a:pt x="1736467" y="841362"/>
                  <a:pt x="1740343" y="837733"/>
                </a:cubicBezTo>
                <a:cubicBezTo>
                  <a:pt x="1746866" y="832003"/>
                  <a:pt x="1753948" y="826941"/>
                  <a:pt x="1761482" y="822621"/>
                </a:cubicBezTo>
                <a:close/>
                <a:moveTo>
                  <a:pt x="2243753" y="786403"/>
                </a:moveTo>
                <a:cubicBezTo>
                  <a:pt x="2254028" y="785741"/>
                  <a:pt x="2264031" y="789867"/>
                  <a:pt x="2270840" y="797576"/>
                </a:cubicBezTo>
                <a:cubicBezTo>
                  <a:pt x="2277697" y="806928"/>
                  <a:pt x="2281028" y="818396"/>
                  <a:pt x="2280247" y="829960"/>
                </a:cubicBezTo>
                <a:lnTo>
                  <a:pt x="2202933" y="829960"/>
                </a:lnTo>
                <a:cubicBezTo>
                  <a:pt x="2203445" y="818225"/>
                  <a:pt x="2207837" y="806990"/>
                  <a:pt x="2215422" y="798008"/>
                </a:cubicBezTo>
                <a:cubicBezTo>
                  <a:pt x="2222700" y="790174"/>
                  <a:pt x="2233060" y="785931"/>
                  <a:pt x="2243753" y="786403"/>
                </a:cubicBezTo>
                <a:close/>
                <a:moveTo>
                  <a:pt x="2591290" y="784029"/>
                </a:moveTo>
                <a:cubicBezTo>
                  <a:pt x="2613348" y="784029"/>
                  <a:pt x="2624379" y="795094"/>
                  <a:pt x="2624379" y="817223"/>
                </a:cubicBezTo>
                <a:cubicBezTo>
                  <a:pt x="2624379" y="838110"/>
                  <a:pt x="2613295" y="848905"/>
                  <a:pt x="2591669" y="848905"/>
                </a:cubicBezTo>
                <a:cubicBezTo>
                  <a:pt x="2582850" y="849460"/>
                  <a:pt x="2574151" y="846643"/>
                  <a:pt x="2567339" y="841025"/>
                </a:cubicBezTo>
                <a:cubicBezTo>
                  <a:pt x="2561151" y="834857"/>
                  <a:pt x="2557955" y="826308"/>
                  <a:pt x="2558579" y="817600"/>
                </a:cubicBezTo>
                <a:lnTo>
                  <a:pt x="2558687" y="817600"/>
                </a:lnTo>
                <a:cubicBezTo>
                  <a:pt x="2557955" y="808446"/>
                  <a:pt x="2560980" y="799387"/>
                  <a:pt x="2567069" y="792503"/>
                </a:cubicBezTo>
                <a:cubicBezTo>
                  <a:pt x="2573632" y="786474"/>
                  <a:pt x="2582393" y="783409"/>
                  <a:pt x="2591290" y="784029"/>
                </a:cubicBezTo>
                <a:close/>
                <a:moveTo>
                  <a:pt x="2473696" y="770428"/>
                </a:moveTo>
                <a:lnTo>
                  <a:pt x="2473696" y="917721"/>
                </a:lnTo>
                <a:lnTo>
                  <a:pt x="2496080" y="917721"/>
                </a:lnTo>
                <a:lnTo>
                  <a:pt x="2496080" y="770428"/>
                </a:lnTo>
                <a:close/>
                <a:moveTo>
                  <a:pt x="2387623" y="767892"/>
                </a:moveTo>
                <a:cubicBezTo>
                  <a:pt x="2373441" y="767129"/>
                  <a:pt x="2359371" y="770767"/>
                  <a:pt x="2347344" y="778308"/>
                </a:cubicBezTo>
                <a:cubicBezTo>
                  <a:pt x="2337912" y="784668"/>
                  <a:pt x="2332386" y="795395"/>
                  <a:pt x="2332692" y="806752"/>
                </a:cubicBezTo>
                <a:cubicBezTo>
                  <a:pt x="2332518" y="812800"/>
                  <a:pt x="2333975" y="818784"/>
                  <a:pt x="2336909" y="824078"/>
                </a:cubicBezTo>
                <a:cubicBezTo>
                  <a:pt x="2340170" y="829356"/>
                  <a:pt x="2344612" y="833808"/>
                  <a:pt x="2349885" y="837085"/>
                </a:cubicBezTo>
                <a:cubicBezTo>
                  <a:pt x="2359154" y="842513"/>
                  <a:pt x="2368955" y="846980"/>
                  <a:pt x="2379135" y="850417"/>
                </a:cubicBezTo>
                <a:cubicBezTo>
                  <a:pt x="2389467" y="853883"/>
                  <a:pt x="2399272" y="858750"/>
                  <a:pt x="2408276" y="864882"/>
                </a:cubicBezTo>
                <a:cubicBezTo>
                  <a:pt x="2410246" y="866386"/>
                  <a:pt x="2411904" y="868258"/>
                  <a:pt x="2413160" y="870393"/>
                </a:cubicBezTo>
                <a:cubicBezTo>
                  <a:pt x="2418528" y="879517"/>
                  <a:pt x="2415470" y="891259"/>
                  <a:pt x="2406330" y="896618"/>
                </a:cubicBezTo>
                <a:cubicBezTo>
                  <a:pt x="2397952" y="900759"/>
                  <a:pt x="2388627" y="902621"/>
                  <a:pt x="2379297" y="902015"/>
                </a:cubicBezTo>
                <a:cubicBezTo>
                  <a:pt x="2371378" y="901964"/>
                  <a:pt x="2363496" y="900931"/>
                  <a:pt x="2355832" y="898939"/>
                </a:cubicBezTo>
                <a:cubicBezTo>
                  <a:pt x="2347937" y="896963"/>
                  <a:pt x="2340285" y="894121"/>
                  <a:pt x="2333016" y="890465"/>
                </a:cubicBezTo>
                <a:lnTo>
                  <a:pt x="2333016" y="911137"/>
                </a:lnTo>
                <a:cubicBezTo>
                  <a:pt x="2343938" y="917326"/>
                  <a:pt x="2359184" y="920420"/>
                  <a:pt x="2378756" y="920420"/>
                </a:cubicBezTo>
                <a:cubicBezTo>
                  <a:pt x="2397355" y="920420"/>
                  <a:pt x="2411773" y="916714"/>
                  <a:pt x="2422009" y="909302"/>
                </a:cubicBezTo>
                <a:cubicBezTo>
                  <a:pt x="2432174" y="901995"/>
                  <a:pt x="2437951" y="890055"/>
                  <a:pt x="2437364" y="877565"/>
                </a:cubicBezTo>
                <a:cubicBezTo>
                  <a:pt x="2437636" y="868512"/>
                  <a:pt x="2434268" y="859727"/>
                  <a:pt x="2428011" y="853169"/>
                </a:cubicBezTo>
                <a:cubicBezTo>
                  <a:pt x="2421883" y="846728"/>
                  <a:pt x="2410061" y="840324"/>
                  <a:pt x="2392543" y="833955"/>
                </a:cubicBezTo>
                <a:cubicBezTo>
                  <a:pt x="2383699" y="830931"/>
                  <a:pt x="2375066" y="827325"/>
                  <a:pt x="2366700" y="823160"/>
                </a:cubicBezTo>
                <a:cubicBezTo>
                  <a:pt x="2362912" y="821261"/>
                  <a:pt x="2359589" y="818552"/>
                  <a:pt x="2356968" y="815226"/>
                </a:cubicBezTo>
                <a:cubicBezTo>
                  <a:pt x="2354852" y="812314"/>
                  <a:pt x="2353768" y="808782"/>
                  <a:pt x="2353886" y="805187"/>
                </a:cubicBezTo>
                <a:cubicBezTo>
                  <a:pt x="2353813" y="799464"/>
                  <a:pt x="2356941" y="794178"/>
                  <a:pt x="2361996" y="791478"/>
                </a:cubicBezTo>
                <a:cubicBezTo>
                  <a:pt x="2369378" y="787674"/>
                  <a:pt x="2377656" y="785939"/>
                  <a:pt x="2385947" y="786458"/>
                </a:cubicBezTo>
                <a:cubicBezTo>
                  <a:pt x="2399843" y="786874"/>
                  <a:pt x="2413525" y="789991"/>
                  <a:pt x="2426226" y="795634"/>
                </a:cubicBezTo>
                <a:lnTo>
                  <a:pt x="2434228" y="777607"/>
                </a:lnTo>
                <a:cubicBezTo>
                  <a:pt x="2419520" y="771228"/>
                  <a:pt x="2403659" y="767922"/>
                  <a:pt x="2387623" y="767892"/>
                </a:cubicBezTo>
                <a:close/>
                <a:moveTo>
                  <a:pt x="2244023" y="767730"/>
                </a:moveTo>
                <a:cubicBezTo>
                  <a:pt x="2225877" y="767027"/>
                  <a:pt x="2208435" y="774787"/>
                  <a:pt x="2196823" y="788724"/>
                </a:cubicBezTo>
                <a:cubicBezTo>
                  <a:pt x="2185109" y="802685"/>
                  <a:pt x="2179252" y="821541"/>
                  <a:pt x="2179252" y="845288"/>
                </a:cubicBezTo>
                <a:cubicBezTo>
                  <a:pt x="2179071" y="868894"/>
                  <a:pt x="2185379" y="887316"/>
                  <a:pt x="2198175" y="900558"/>
                </a:cubicBezTo>
                <a:cubicBezTo>
                  <a:pt x="2210971" y="913799"/>
                  <a:pt x="2228182" y="920419"/>
                  <a:pt x="2249808" y="920419"/>
                </a:cubicBezTo>
                <a:cubicBezTo>
                  <a:pt x="2258368" y="920565"/>
                  <a:pt x="2266921" y="919824"/>
                  <a:pt x="2275327" y="918206"/>
                </a:cubicBezTo>
                <a:cubicBezTo>
                  <a:pt x="2283031" y="916530"/>
                  <a:pt x="2290547" y="914089"/>
                  <a:pt x="2297765" y="910921"/>
                </a:cubicBezTo>
                <a:lnTo>
                  <a:pt x="2297765" y="891004"/>
                </a:lnTo>
                <a:cubicBezTo>
                  <a:pt x="2282893" y="897491"/>
                  <a:pt x="2266848" y="900870"/>
                  <a:pt x="2250619" y="900936"/>
                </a:cubicBezTo>
                <a:cubicBezTo>
                  <a:pt x="2237529" y="901716"/>
                  <a:pt x="2224738" y="896817"/>
                  <a:pt x="2215530" y="887497"/>
                </a:cubicBezTo>
                <a:cubicBezTo>
                  <a:pt x="2207240" y="878537"/>
                  <a:pt x="2202861" y="865421"/>
                  <a:pt x="2202392" y="848149"/>
                </a:cubicBezTo>
                <a:lnTo>
                  <a:pt x="2304145" y="848149"/>
                </a:lnTo>
                <a:lnTo>
                  <a:pt x="2304145" y="834008"/>
                </a:lnTo>
                <a:cubicBezTo>
                  <a:pt x="2304923" y="816538"/>
                  <a:pt x="2299139" y="799406"/>
                  <a:pt x="2287925" y="785973"/>
                </a:cubicBezTo>
                <a:cubicBezTo>
                  <a:pt x="2276758" y="773646"/>
                  <a:pt x="2260653" y="766953"/>
                  <a:pt x="2244023" y="767730"/>
                </a:cubicBezTo>
                <a:close/>
                <a:moveTo>
                  <a:pt x="2764355" y="767729"/>
                </a:moveTo>
                <a:cubicBezTo>
                  <a:pt x="2754825" y="767596"/>
                  <a:pt x="2745393" y="769645"/>
                  <a:pt x="2736781" y="773720"/>
                </a:cubicBezTo>
                <a:cubicBezTo>
                  <a:pt x="2728868" y="777382"/>
                  <a:pt x="2722184" y="783249"/>
                  <a:pt x="2717533" y="790614"/>
                </a:cubicBezTo>
                <a:lnTo>
                  <a:pt x="2716452" y="790614"/>
                </a:lnTo>
                <a:lnTo>
                  <a:pt x="2712776" y="770428"/>
                </a:lnTo>
                <a:lnTo>
                  <a:pt x="2694447" y="770428"/>
                </a:lnTo>
                <a:lnTo>
                  <a:pt x="2694447" y="917775"/>
                </a:lnTo>
                <a:lnTo>
                  <a:pt x="2716830" y="917775"/>
                </a:lnTo>
                <a:lnTo>
                  <a:pt x="2716830" y="840539"/>
                </a:lnTo>
                <a:cubicBezTo>
                  <a:pt x="2716830" y="821325"/>
                  <a:pt x="2720435" y="807561"/>
                  <a:pt x="2727644" y="799250"/>
                </a:cubicBezTo>
                <a:cubicBezTo>
                  <a:pt x="2734853" y="790938"/>
                  <a:pt x="2746152" y="786782"/>
                  <a:pt x="2761543" y="786782"/>
                </a:cubicBezTo>
                <a:cubicBezTo>
                  <a:pt x="2773221" y="786782"/>
                  <a:pt x="2781872" y="789696"/>
                  <a:pt x="2787279" y="795633"/>
                </a:cubicBezTo>
                <a:cubicBezTo>
                  <a:pt x="2793345" y="803264"/>
                  <a:pt x="2796283" y="812910"/>
                  <a:pt x="2795497" y="822620"/>
                </a:cubicBezTo>
                <a:lnTo>
                  <a:pt x="2795497" y="917721"/>
                </a:lnTo>
                <a:lnTo>
                  <a:pt x="2817934" y="917721"/>
                </a:lnTo>
                <a:lnTo>
                  <a:pt x="2817934" y="821648"/>
                </a:lnTo>
                <a:cubicBezTo>
                  <a:pt x="2817934" y="802812"/>
                  <a:pt x="2813447" y="789103"/>
                  <a:pt x="2804472" y="780575"/>
                </a:cubicBezTo>
                <a:cubicBezTo>
                  <a:pt x="2795497" y="772047"/>
                  <a:pt x="2782142" y="767729"/>
                  <a:pt x="2764355" y="767729"/>
                </a:cubicBezTo>
                <a:close/>
                <a:moveTo>
                  <a:pt x="2592101" y="767567"/>
                </a:moveTo>
                <a:cubicBezTo>
                  <a:pt x="2574367" y="767567"/>
                  <a:pt x="2560581" y="771939"/>
                  <a:pt x="2550902" y="780683"/>
                </a:cubicBezTo>
                <a:cubicBezTo>
                  <a:pt x="2540814" y="790386"/>
                  <a:pt x="2535497" y="804019"/>
                  <a:pt x="2536359" y="817978"/>
                </a:cubicBezTo>
                <a:cubicBezTo>
                  <a:pt x="2536209" y="827098"/>
                  <a:pt x="2538727" y="836064"/>
                  <a:pt x="2543604" y="843778"/>
                </a:cubicBezTo>
                <a:cubicBezTo>
                  <a:pt x="2547909" y="851021"/>
                  <a:pt x="2554429" y="856696"/>
                  <a:pt x="2562203" y="859970"/>
                </a:cubicBezTo>
                <a:cubicBezTo>
                  <a:pt x="2556948" y="862917"/>
                  <a:pt x="2552335" y="866880"/>
                  <a:pt x="2548632" y="871628"/>
                </a:cubicBezTo>
                <a:cubicBezTo>
                  <a:pt x="2545727" y="875765"/>
                  <a:pt x="2544211" y="880717"/>
                  <a:pt x="2544307" y="885769"/>
                </a:cubicBezTo>
                <a:cubicBezTo>
                  <a:pt x="2544223" y="890227"/>
                  <a:pt x="2545569" y="894595"/>
                  <a:pt x="2548145" y="898237"/>
                </a:cubicBezTo>
                <a:cubicBezTo>
                  <a:pt x="2550520" y="901709"/>
                  <a:pt x="2553814" y="904456"/>
                  <a:pt x="2557660" y="906171"/>
                </a:cubicBezTo>
                <a:cubicBezTo>
                  <a:pt x="2548345" y="907897"/>
                  <a:pt x="2539832" y="912571"/>
                  <a:pt x="2533385" y="919502"/>
                </a:cubicBezTo>
                <a:cubicBezTo>
                  <a:pt x="2527703" y="925908"/>
                  <a:pt x="2524635" y="934210"/>
                  <a:pt x="2524789" y="942765"/>
                </a:cubicBezTo>
                <a:cubicBezTo>
                  <a:pt x="2524317" y="954923"/>
                  <a:pt x="2530270" y="966436"/>
                  <a:pt x="2540468" y="973098"/>
                </a:cubicBezTo>
                <a:cubicBezTo>
                  <a:pt x="2550957" y="980294"/>
                  <a:pt x="2565842" y="983892"/>
                  <a:pt x="2585127" y="983892"/>
                </a:cubicBezTo>
                <a:cubicBezTo>
                  <a:pt x="2610212" y="983856"/>
                  <a:pt x="2629334" y="979575"/>
                  <a:pt x="2642490" y="971047"/>
                </a:cubicBezTo>
                <a:cubicBezTo>
                  <a:pt x="2655230" y="963118"/>
                  <a:pt x="2662756" y="948999"/>
                  <a:pt x="2662224" y="934021"/>
                </a:cubicBezTo>
                <a:cubicBezTo>
                  <a:pt x="2662936" y="922749"/>
                  <a:pt x="2658141" y="911831"/>
                  <a:pt x="2649356" y="904714"/>
                </a:cubicBezTo>
                <a:cubicBezTo>
                  <a:pt x="2640815" y="897985"/>
                  <a:pt x="2628542" y="894620"/>
                  <a:pt x="2612538" y="894620"/>
                </a:cubicBezTo>
                <a:lnTo>
                  <a:pt x="2586424" y="894620"/>
                </a:lnTo>
                <a:cubicBezTo>
                  <a:pt x="2580582" y="895035"/>
                  <a:pt x="2574726" y="894054"/>
                  <a:pt x="2569338" y="891760"/>
                </a:cubicBezTo>
                <a:cubicBezTo>
                  <a:pt x="2566092" y="889978"/>
                  <a:pt x="2564157" y="886494"/>
                  <a:pt x="2564364" y="882800"/>
                </a:cubicBezTo>
                <a:cubicBezTo>
                  <a:pt x="2564364" y="875208"/>
                  <a:pt x="2569123" y="868893"/>
                  <a:pt x="2578639" y="863856"/>
                </a:cubicBezTo>
                <a:cubicBezTo>
                  <a:pt x="2582725" y="864589"/>
                  <a:pt x="2586869" y="864950"/>
                  <a:pt x="2591020" y="864935"/>
                </a:cubicBezTo>
                <a:cubicBezTo>
                  <a:pt x="2605700" y="865767"/>
                  <a:pt x="2620173" y="861175"/>
                  <a:pt x="2631677" y="852035"/>
                </a:cubicBezTo>
                <a:cubicBezTo>
                  <a:pt x="2641573" y="843335"/>
                  <a:pt x="2647015" y="830646"/>
                  <a:pt x="2646492" y="817493"/>
                </a:cubicBezTo>
                <a:cubicBezTo>
                  <a:pt x="2646564" y="811638"/>
                  <a:pt x="2645557" y="805819"/>
                  <a:pt x="2643517" y="800329"/>
                </a:cubicBezTo>
                <a:cubicBezTo>
                  <a:pt x="2641874" y="795922"/>
                  <a:pt x="2639598" y="791777"/>
                  <a:pt x="2636760" y="788023"/>
                </a:cubicBezTo>
                <a:lnTo>
                  <a:pt x="2664117" y="784839"/>
                </a:lnTo>
                <a:lnTo>
                  <a:pt x="2664117" y="770428"/>
                </a:lnTo>
                <a:lnTo>
                  <a:pt x="2612970" y="770266"/>
                </a:lnTo>
                <a:cubicBezTo>
                  <a:pt x="2606176" y="768393"/>
                  <a:pt x="2599149" y="767484"/>
                  <a:pt x="2592101" y="767567"/>
                </a:cubicBezTo>
                <a:close/>
                <a:moveTo>
                  <a:pt x="2012728" y="741013"/>
                </a:moveTo>
                <a:lnTo>
                  <a:pt x="2045979" y="741013"/>
                </a:lnTo>
                <a:cubicBezTo>
                  <a:pt x="2071390" y="741013"/>
                  <a:pt x="2090529" y="747508"/>
                  <a:pt x="2103397" y="760498"/>
                </a:cubicBezTo>
                <a:cubicBezTo>
                  <a:pt x="2116265" y="773487"/>
                  <a:pt x="2122699" y="792792"/>
                  <a:pt x="2122699" y="818411"/>
                </a:cubicBezTo>
                <a:cubicBezTo>
                  <a:pt x="2122699" y="844822"/>
                  <a:pt x="2115833" y="864720"/>
                  <a:pt x="2102099" y="878106"/>
                </a:cubicBezTo>
                <a:cubicBezTo>
                  <a:pt x="2088367" y="891491"/>
                  <a:pt x="2067858" y="898184"/>
                  <a:pt x="2040572" y="898184"/>
                </a:cubicBezTo>
                <a:lnTo>
                  <a:pt x="2012728" y="898184"/>
                </a:lnTo>
                <a:close/>
                <a:moveTo>
                  <a:pt x="1772674" y="736587"/>
                </a:moveTo>
                <a:cubicBezTo>
                  <a:pt x="1779465" y="736254"/>
                  <a:pt x="1786118" y="738577"/>
                  <a:pt x="1791219" y="743064"/>
                </a:cubicBezTo>
                <a:cubicBezTo>
                  <a:pt x="1795835" y="747451"/>
                  <a:pt x="1798354" y="753598"/>
                  <a:pt x="1798139" y="759958"/>
                </a:cubicBezTo>
                <a:cubicBezTo>
                  <a:pt x="1798234" y="767116"/>
                  <a:pt x="1795825" y="774082"/>
                  <a:pt x="1791327" y="779658"/>
                </a:cubicBezTo>
                <a:cubicBezTo>
                  <a:pt x="1784406" y="787209"/>
                  <a:pt x="1776230" y="793509"/>
                  <a:pt x="1767159" y="798279"/>
                </a:cubicBezTo>
                <a:cubicBezTo>
                  <a:pt x="1760844" y="792225"/>
                  <a:pt x="1755289" y="785429"/>
                  <a:pt x="1750615" y="778039"/>
                </a:cubicBezTo>
                <a:cubicBezTo>
                  <a:pt x="1747438" y="772677"/>
                  <a:pt x="1745758" y="766564"/>
                  <a:pt x="1745749" y="760335"/>
                </a:cubicBezTo>
                <a:lnTo>
                  <a:pt x="1745587" y="760335"/>
                </a:lnTo>
                <a:cubicBezTo>
                  <a:pt x="1745322" y="753697"/>
                  <a:pt x="1748134" y="747306"/>
                  <a:pt x="1753210" y="743010"/>
                </a:cubicBezTo>
                <a:cubicBezTo>
                  <a:pt x="1758678" y="738537"/>
                  <a:pt x="1765614" y="736248"/>
                  <a:pt x="1772674" y="736587"/>
                </a:cubicBezTo>
                <a:close/>
                <a:moveTo>
                  <a:pt x="1989804" y="721259"/>
                </a:moveTo>
                <a:lnTo>
                  <a:pt x="1989804" y="917722"/>
                </a:lnTo>
                <a:lnTo>
                  <a:pt x="2044357" y="917722"/>
                </a:lnTo>
                <a:cubicBezTo>
                  <a:pt x="2077445" y="917830"/>
                  <a:pt x="2102820" y="909266"/>
                  <a:pt x="2120482" y="892031"/>
                </a:cubicBezTo>
                <a:cubicBezTo>
                  <a:pt x="2138144" y="874795"/>
                  <a:pt x="2146974" y="849986"/>
                  <a:pt x="2146974" y="817601"/>
                </a:cubicBezTo>
                <a:cubicBezTo>
                  <a:pt x="2146974" y="787196"/>
                  <a:pt x="2138487" y="763538"/>
                  <a:pt x="2121510" y="746626"/>
                </a:cubicBezTo>
                <a:cubicBezTo>
                  <a:pt x="2104532" y="729715"/>
                  <a:pt x="2080743" y="721259"/>
                  <a:pt x="2050142" y="721259"/>
                </a:cubicBezTo>
                <a:close/>
                <a:moveTo>
                  <a:pt x="1773485" y="718290"/>
                </a:moveTo>
                <a:cubicBezTo>
                  <a:pt x="1760257" y="717480"/>
                  <a:pt x="1747187" y="721510"/>
                  <a:pt x="1736720" y="729625"/>
                </a:cubicBezTo>
                <a:cubicBezTo>
                  <a:pt x="1727735" y="737526"/>
                  <a:pt x="1722874" y="749102"/>
                  <a:pt x="1723528" y="761037"/>
                </a:cubicBezTo>
                <a:cubicBezTo>
                  <a:pt x="1723513" y="766067"/>
                  <a:pt x="1724336" y="771065"/>
                  <a:pt x="1725961" y="775826"/>
                </a:cubicBezTo>
                <a:cubicBezTo>
                  <a:pt x="1727579" y="780633"/>
                  <a:pt x="1729756" y="785235"/>
                  <a:pt x="1732449" y="789535"/>
                </a:cubicBezTo>
                <a:cubicBezTo>
                  <a:pt x="1737137" y="796381"/>
                  <a:pt x="1742342" y="802858"/>
                  <a:pt x="1748020" y="808911"/>
                </a:cubicBezTo>
                <a:cubicBezTo>
                  <a:pt x="1735009" y="815383"/>
                  <a:pt x="1723555" y="824589"/>
                  <a:pt x="1714445" y="835898"/>
                </a:cubicBezTo>
                <a:cubicBezTo>
                  <a:pt x="1708156" y="844973"/>
                  <a:pt x="1704884" y="855792"/>
                  <a:pt x="1705091" y="866825"/>
                </a:cubicBezTo>
                <a:cubicBezTo>
                  <a:pt x="1704246" y="881709"/>
                  <a:pt x="1710094" y="896194"/>
                  <a:pt x="1721041" y="906333"/>
                </a:cubicBezTo>
                <a:cubicBezTo>
                  <a:pt x="1731638" y="915833"/>
                  <a:pt x="1746596" y="920582"/>
                  <a:pt x="1765916" y="920582"/>
                </a:cubicBezTo>
                <a:cubicBezTo>
                  <a:pt x="1791544" y="921329"/>
                  <a:pt x="1816392" y="911737"/>
                  <a:pt x="1834850" y="893973"/>
                </a:cubicBezTo>
                <a:lnTo>
                  <a:pt x="1859775" y="917884"/>
                </a:lnTo>
                <a:lnTo>
                  <a:pt x="1890592" y="917884"/>
                </a:lnTo>
                <a:lnTo>
                  <a:pt x="1850367" y="878807"/>
                </a:lnTo>
                <a:cubicBezTo>
                  <a:pt x="1862658" y="865565"/>
                  <a:pt x="1871849" y="846117"/>
                  <a:pt x="1877941" y="820462"/>
                </a:cubicBezTo>
                <a:lnTo>
                  <a:pt x="1855341" y="820462"/>
                </a:lnTo>
                <a:cubicBezTo>
                  <a:pt x="1853423" y="828810"/>
                  <a:pt x="1850874" y="837001"/>
                  <a:pt x="1847718" y="844966"/>
                </a:cubicBezTo>
                <a:cubicBezTo>
                  <a:pt x="1844891" y="852157"/>
                  <a:pt x="1840809" y="858790"/>
                  <a:pt x="1835661" y="864558"/>
                </a:cubicBezTo>
                <a:lnTo>
                  <a:pt x="1780892" y="811988"/>
                </a:lnTo>
                <a:cubicBezTo>
                  <a:pt x="1792464" y="805762"/>
                  <a:pt x="1802739" y="797391"/>
                  <a:pt x="1811169" y="787322"/>
                </a:cubicBezTo>
                <a:cubicBezTo>
                  <a:pt x="1817093" y="779734"/>
                  <a:pt x="1820309" y="770388"/>
                  <a:pt x="1820306" y="760767"/>
                </a:cubicBezTo>
                <a:cubicBezTo>
                  <a:pt x="1820956" y="749023"/>
                  <a:pt x="1816387" y="737589"/>
                  <a:pt x="1807817" y="729517"/>
                </a:cubicBezTo>
                <a:cubicBezTo>
                  <a:pt x="1798187" y="721611"/>
                  <a:pt x="1785934" y="717605"/>
                  <a:pt x="1773485" y="718290"/>
                </a:cubicBezTo>
                <a:close/>
                <a:moveTo>
                  <a:pt x="2484996" y="715753"/>
                </a:moveTo>
                <a:cubicBezTo>
                  <a:pt x="2481513" y="715659"/>
                  <a:pt x="2478133" y="716939"/>
                  <a:pt x="2475589" y="719315"/>
                </a:cubicBezTo>
                <a:cubicBezTo>
                  <a:pt x="2472827" y="722374"/>
                  <a:pt x="2471457" y="726438"/>
                  <a:pt x="2471804" y="730542"/>
                </a:cubicBezTo>
                <a:cubicBezTo>
                  <a:pt x="2471495" y="734640"/>
                  <a:pt x="2472860" y="738689"/>
                  <a:pt x="2475589" y="741768"/>
                </a:cubicBezTo>
                <a:cubicBezTo>
                  <a:pt x="2480860" y="746663"/>
                  <a:pt x="2489024" y="746663"/>
                  <a:pt x="2494296" y="741768"/>
                </a:cubicBezTo>
                <a:cubicBezTo>
                  <a:pt x="2497122" y="738739"/>
                  <a:pt x="2498552" y="734669"/>
                  <a:pt x="2498242" y="730542"/>
                </a:cubicBezTo>
                <a:cubicBezTo>
                  <a:pt x="2498564" y="726428"/>
                  <a:pt x="2497131" y="722371"/>
                  <a:pt x="2494296" y="719369"/>
                </a:cubicBezTo>
                <a:cubicBezTo>
                  <a:pt x="2491796" y="716984"/>
                  <a:pt x="2488453" y="715684"/>
                  <a:pt x="2484996" y="715753"/>
                </a:cubicBezTo>
                <a:close/>
                <a:moveTo>
                  <a:pt x="2071174" y="622920"/>
                </a:moveTo>
                <a:lnTo>
                  <a:pt x="2098208" y="622920"/>
                </a:lnTo>
                <a:cubicBezTo>
                  <a:pt x="2111834" y="622956"/>
                  <a:pt x="2121133" y="624504"/>
                  <a:pt x="2126108" y="627562"/>
                </a:cubicBezTo>
                <a:cubicBezTo>
                  <a:pt x="2131382" y="631375"/>
                  <a:pt x="2134191" y="637726"/>
                  <a:pt x="2133460" y="644186"/>
                </a:cubicBezTo>
                <a:cubicBezTo>
                  <a:pt x="2133509" y="653685"/>
                  <a:pt x="2128314" y="662441"/>
                  <a:pt x="2119943" y="666963"/>
                </a:cubicBezTo>
                <a:cubicBezTo>
                  <a:pt x="2110699" y="672575"/>
                  <a:pt x="2097019" y="675328"/>
                  <a:pt x="2078258" y="675328"/>
                </a:cubicBezTo>
                <a:cubicBezTo>
                  <a:pt x="2068238" y="675901"/>
                  <a:pt x="2058248" y="673776"/>
                  <a:pt x="2049332" y="669174"/>
                </a:cubicBezTo>
                <a:cubicBezTo>
                  <a:pt x="2042861" y="665463"/>
                  <a:pt x="2038970" y="658487"/>
                  <a:pt x="2039222" y="651040"/>
                </a:cubicBezTo>
                <a:cubicBezTo>
                  <a:pt x="2038748" y="643159"/>
                  <a:pt x="2041892" y="635493"/>
                  <a:pt x="2047764" y="630207"/>
                </a:cubicBezTo>
                <a:cubicBezTo>
                  <a:pt x="2054443" y="625058"/>
                  <a:pt x="2062750" y="622474"/>
                  <a:pt x="2071174" y="622920"/>
                </a:cubicBezTo>
                <a:close/>
                <a:moveTo>
                  <a:pt x="3122004" y="622919"/>
                </a:moveTo>
                <a:lnTo>
                  <a:pt x="3149037" y="622919"/>
                </a:lnTo>
                <a:cubicBezTo>
                  <a:pt x="3162662" y="622919"/>
                  <a:pt x="3171962" y="624485"/>
                  <a:pt x="3176881" y="627561"/>
                </a:cubicBezTo>
                <a:cubicBezTo>
                  <a:pt x="3182185" y="631353"/>
                  <a:pt x="3185019" y="637713"/>
                  <a:pt x="3184289" y="644185"/>
                </a:cubicBezTo>
                <a:cubicBezTo>
                  <a:pt x="3184338" y="653685"/>
                  <a:pt x="3179142" y="662441"/>
                  <a:pt x="3170772" y="666962"/>
                </a:cubicBezTo>
                <a:cubicBezTo>
                  <a:pt x="3161527" y="672575"/>
                  <a:pt x="3147848" y="675328"/>
                  <a:pt x="3129087" y="675328"/>
                </a:cubicBezTo>
                <a:cubicBezTo>
                  <a:pt x="3119120" y="675879"/>
                  <a:pt x="3109188" y="673755"/>
                  <a:pt x="3100324" y="669175"/>
                </a:cubicBezTo>
                <a:cubicBezTo>
                  <a:pt x="3093834" y="665481"/>
                  <a:pt x="3089938" y="658492"/>
                  <a:pt x="3090213" y="651040"/>
                </a:cubicBezTo>
                <a:cubicBezTo>
                  <a:pt x="3089607" y="643226"/>
                  <a:pt x="3092590" y="635560"/>
                  <a:pt x="3098323" y="630206"/>
                </a:cubicBezTo>
                <a:cubicBezTo>
                  <a:pt x="3105074" y="624996"/>
                  <a:pt x="3113487" y="622407"/>
                  <a:pt x="3122004" y="622919"/>
                </a:cubicBezTo>
                <a:close/>
                <a:moveTo>
                  <a:pt x="2482457" y="494948"/>
                </a:moveTo>
                <a:cubicBezTo>
                  <a:pt x="2492676" y="494336"/>
                  <a:pt x="2502608" y="498457"/>
                  <a:pt x="2509382" y="506121"/>
                </a:cubicBezTo>
                <a:cubicBezTo>
                  <a:pt x="2516257" y="515466"/>
                  <a:pt x="2519609" y="526935"/>
                  <a:pt x="2518843" y="538505"/>
                </a:cubicBezTo>
                <a:lnTo>
                  <a:pt x="2441691" y="538505"/>
                </a:lnTo>
                <a:cubicBezTo>
                  <a:pt x="2442184" y="526775"/>
                  <a:pt x="2446557" y="515539"/>
                  <a:pt x="2454126" y="506553"/>
                </a:cubicBezTo>
                <a:cubicBezTo>
                  <a:pt x="2461404" y="498719"/>
                  <a:pt x="2471764" y="494476"/>
                  <a:pt x="2482457" y="494948"/>
                </a:cubicBezTo>
                <a:close/>
                <a:moveTo>
                  <a:pt x="2637085" y="494948"/>
                </a:moveTo>
                <a:cubicBezTo>
                  <a:pt x="2647320" y="494344"/>
                  <a:pt x="2657264" y="498462"/>
                  <a:pt x="2664064" y="506121"/>
                </a:cubicBezTo>
                <a:cubicBezTo>
                  <a:pt x="2670921" y="515473"/>
                  <a:pt x="2674254" y="526941"/>
                  <a:pt x="2673472" y="538505"/>
                </a:cubicBezTo>
                <a:lnTo>
                  <a:pt x="2596320" y="538505"/>
                </a:lnTo>
                <a:cubicBezTo>
                  <a:pt x="2596813" y="526775"/>
                  <a:pt x="2601186" y="515539"/>
                  <a:pt x="2608754" y="506553"/>
                </a:cubicBezTo>
                <a:cubicBezTo>
                  <a:pt x="2616041" y="498731"/>
                  <a:pt x="2626395" y="494490"/>
                  <a:pt x="2637085" y="494948"/>
                </a:cubicBezTo>
                <a:close/>
                <a:moveTo>
                  <a:pt x="2083826" y="492575"/>
                </a:moveTo>
                <a:cubicBezTo>
                  <a:pt x="2105887" y="492575"/>
                  <a:pt x="2116915" y="503639"/>
                  <a:pt x="2116915" y="525768"/>
                </a:cubicBezTo>
                <a:cubicBezTo>
                  <a:pt x="2116915" y="546656"/>
                  <a:pt x="2106103" y="557451"/>
                  <a:pt x="2084475" y="557451"/>
                </a:cubicBezTo>
                <a:cubicBezTo>
                  <a:pt x="2075640" y="558003"/>
                  <a:pt x="2066926" y="555187"/>
                  <a:pt x="2060092" y="549570"/>
                </a:cubicBezTo>
                <a:cubicBezTo>
                  <a:pt x="2053903" y="543402"/>
                  <a:pt x="2050707" y="534853"/>
                  <a:pt x="2051333" y="526146"/>
                </a:cubicBezTo>
                <a:cubicBezTo>
                  <a:pt x="2050580" y="517016"/>
                  <a:pt x="2053543" y="507970"/>
                  <a:pt x="2059550" y="501048"/>
                </a:cubicBezTo>
                <a:cubicBezTo>
                  <a:pt x="2066148" y="495039"/>
                  <a:pt x="2074916" y="491978"/>
                  <a:pt x="2083826" y="492575"/>
                </a:cubicBezTo>
                <a:close/>
                <a:moveTo>
                  <a:pt x="3135034" y="492574"/>
                </a:moveTo>
                <a:cubicBezTo>
                  <a:pt x="3157129" y="492574"/>
                  <a:pt x="3168177" y="503638"/>
                  <a:pt x="3168177" y="525767"/>
                </a:cubicBezTo>
                <a:cubicBezTo>
                  <a:pt x="3168177" y="546655"/>
                  <a:pt x="3157093" y="557450"/>
                  <a:pt x="3135467" y="557450"/>
                </a:cubicBezTo>
                <a:cubicBezTo>
                  <a:pt x="3126631" y="558003"/>
                  <a:pt x="3117917" y="555186"/>
                  <a:pt x="3111083" y="549570"/>
                </a:cubicBezTo>
                <a:cubicBezTo>
                  <a:pt x="3104894" y="543401"/>
                  <a:pt x="3101699" y="534852"/>
                  <a:pt x="3102323" y="526145"/>
                </a:cubicBezTo>
                <a:cubicBezTo>
                  <a:pt x="3101645" y="516979"/>
                  <a:pt x="3104706" y="507927"/>
                  <a:pt x="3110813" y="501048"/>
                </a:cubicBezTo>
                <a:cubicBezTo>
                  <a:pt x="3117393" y="495047"/>
                  <a:pt x="3126140" y="491986"/>
                  <a:pt x="3135034" y="492574"/>
                </a:cubicBezTo>
                <a:close/>
                <a:moveTo>
                  <a:pt x="2847943" y="478973"/>
                </a:moveTo>
                <a:lnTo>
                  <a:pt x="2847943" y="626266"/>
                </a:lnTo>
                <a:lnTo>
                  <a:pt x="2870489" y="626266"/>
                </a:lnTo>
                <a:lnTo>
                  <a:pt x="2870273" y="478973"/>
                </a:lnTo>
                <a:close/>
                <a:moveTo>
                  <a:pt x="2187202" y="478972"/>
                </a:moveTo>
                <a:lnTo>
                  <a:pt x="2187202" y="626266"/>
                </a:lnTo>
                <a:lnTo>
                  <a:pt x="2209531" y="626266"/>
                </a:lnTo>
                <a:lnTo>
                  <a:pt x="2209531" y="478972"/>
                </a:lnTo>
                <a:close/>
                <a:moveTo>
                  <a:pt x="1936875" y="476275"/>
                </a:moveTo>
                <a:cubicBezTo>
                  <a:pt x="1927329" y="476141"/>
                  <a:pt x="1917878" y="478191"/>
                  <a:pt x="1909248" y="482266"/>
                </a:cubicBezTo>
                <a:cubicBezTo>
                  <a:pt x="1901344" y="485941"/>
                  <a:pt x="1894663" y="491805"/>
                  <a:pt x="1890000" y="499160"/>
                </a:cubicBezTo>
                <a:lnTo>
                  <a:pt x="1888919" y="499160"/>
                </a:lnTo>
                <a:lnTo>
                  <a:pt x="1885296" y="478974"/>
                </a:lnTo>
                <a:lnTo>
                  <a:pt x="1867130" y="478974"/>
                </a:lnTo>
                <a:lnTo>
                  <a:pt x="1867130" y="626267"/>
                </a:lnTo>
                <a:lnTo>
                  <a:pt x="1889459" y="626267"/>
                </a:lnTo>
                <a:lnTo>
                  <a:pt x="1889459" y="549031"/>
                </a:lnTo>
                <a:cubicBezTo>
                  <a:pt x="1889459" y="529817"/>
                  <a:pt x="1893136" y="516054"/>
                  <a:pt x="1900273" y="507742"/>
                </a:cubicBezTo>
                <a:cubicBezTo>
                  <a:pt x="1907445" y="499430"/>
                  <a:pt x="1918763" y="495274"/>
                  <a:pt x="1934226" y="495274"/>
                </a:cubicBezTo>
                <a:cubicBezTo>
                  <a:pt x="1943590" y="494543"/>
                  <a:pt x="1952831" y="497775"/>
                  <a:pt x="1959691" y="504179"/>
                </a:cubicBezTo>
                <a:cubicBezTo>
                  <a:pt x="1965758" y="511810"/>
                  <a:pt x="1968696" y="521456"/>
                  <a:pt x="1967909" y="531166"/>
                </a:cubicBezTo>
                <a:lnTo>
                  <a:pt x="1967909" y="626267"/>
                </a:lnTo>
                <a:lnTo>
                  <a:pt x="1990455" y="626267"/>
                </a:lnTo>
                <a:lnTo>
                  <a:pt x="1990455" y="530195"/>
                </a:lnTo>
                <a:cubicBezTo>
                  <a:pt x="1990455" y="511358"/>
                  <a:pt x="1985968" y="497649"/>
                  <a:pt x="1976993" y="489121"/>
                </a:cubicBezTo>
                <a:cubicBezTo>
                  <a:pt x="1968018" y="480593"/>
                  <a:pt x="1954609" y="476275"/>
                  <a:pt x="1936875" y="476275"/>
                </a:cubicBezTo>
                <a:close/>
                <a:moveTo>
                  <a:pt x="2482727" y="476274"/>
                </a:moveTo>
                <a:cubicBezTo>
                  <a:pt x="2464581" y="475572"/>
                  <a:pt x="2447139" y="483331"/>
                  <a:pt x="2435527" y="497269"/>
                </a:cubicBezTo>
                <a:cubicBezTo>
                  <a:pt x="2423813" y="511230"/>
                  <a:pt x="2417956" y="530085"/>
                  <a:pt x="2417956" y="553833"/>
                </a:cubicBezTo>
                <a:cubicBezTo>
                  <a:pt x="2417776" y="577438"/>
                  <a:pt x="2424083" y="595861"/>
                  <a:pt x="2436879" y="609102"/>
                </a:cubicBezTo>
                <a:cubicBezTo>
                  <a:pt x="2449675" y="622344"/>
                  <a:pt x="2466886" y="628964"/>
                  <a:pt x="2488512" y="628964"/>
                </a:cubicBezTo>
                <a:cubicBezTo>
                  <a:pt x="2497090" y="629116"/>
                  <a:pt x="2505661" y="628375"/>
                  <a:pt x="2514085" y="626751"/>
                </a:cubicBezTo>
                <a:cubicBezTo>
                  <a:pt x="2521791" y="625082"/>
                  <a:pt x="2529308" y="622641"/>
                  <a:pt x="2536523" y="619465"/>
                </a:cubicBezTo>
                <a:lnTo>
                  <a:pt x="2536523" y="599549"/>
                </a:lnTo>
                <a:cubicBezTo>
                  <a:pt x="2521651" y="606035"/>
                  <a:pt x="2505607" y="609415"/>
                  <a:pt x="2489377" y="609480"/>
                </a:cubicBezTo>
                <a:cubicBezTo>
                  <a:pt x="2476301" y="610274"/>
                  <a:pt x="2463521" y="605372"/>
                  <a:pt x="2454342" y="596041"/>
                </a:cubicBezTo>
                <a:cubicBezTo>
                  <a:pt x="2446016" y="587081"/>
                  <a:pt x="2441637" y="573965"/>
                  <a:pt x="2441204" y="556694"/>
                </a:cubicBezTo>
                <a:lnTo>
                  <a:pt x="2542849" y="556694"/>
                </a:lnTo>
                <a:lnTo>
                  <a:pt x="2542849" y="542553"/>
                </a:lnTo>
                <a:cubicBezTo>
                  <a:pt x="2543627" y="525083"/>
                  <a:pt x="2537843" y="507951"/>
                  <a:pt x="2526629" y="494517"/>
                </a:cubicBezTo>
                <a:cubicBezTo>
                  <a:pt x="2515461" y="482190"/>
                  <a:pt x="2499357" y="475498"/>
                  <a:pt x="2482727" y="476274"/>
                </a:cubicBezTo>
                <a:close/>
                <a:moveTo>
                  <a:pt x="2326692" y="476274"/>
                </a:moveTo>
                <a:cubicBezTo>
                  <a:pt x="2317146" y="476140"/>
                  <a:pt x="2307695" y="478190"/>
                  <a:pt x="2299065" y="482265"/>
                </a:cubicBezTo>
                <a:cubicBezTo>
                  <a:pt x="2291170" y="485955"/>
                  <a:pt x="2284494" y="491816"/>
                  <a:pt x="2279817" y="499159"/>
                </a:cubicBezTo>
                <a:lnTo>
                  <a:pt x="2278736" y="499159"/>
                </a:lnTo>
                <a:lnTo>
                  <a:pt x="2275113" y="478973"/>
                </a:lnTo>
                <a:lnTo>
                  <a:pt x="2256947" y="478973"/>
                </a:lnTo>
                <a:lnTo>
                  <a:pt x="2256947" y="626266"/>
                </a:lnTo>
                <a:lnTo>
                  <a:pt x="2279276" y="626266"/>
                </a:lnTo>
                <a:lnTo>
                  <a:pt x="2279276" y="549084"/>
                </a:lnTo>
                <a:cubicBezTo>
                  <a:pt x="2279276" y="529870"/>
                  <a:pt x="2282953" y="516107"/>
                  <a:pt x="2290090" y="507795"/>
                </a:cubicBezTo>
                <a:cubicBezTo>
                  <a:pt x="2297226" y="499483"/>
                  <a:pt x="2308580" y="495327"/>
                  <a:pt x="2323989" y="495327"/>
                </a:cubicBezTo>
                <a:cubicBezTo>
                  <a:pt x="2335667" y="495327"/>
                  <a:pt x="2344318" y="498241"/>
                  <a:pt x="2349725" y="504178"/>
                </a:cubicBezTo>
                <a:cubicBezTo>
                  <a:pt x="2355791" y="511809"/>
                  <a:pt x="2358729" y="521455"/>
                  <a:pt x="2357943" y="531165"/>
                </a:cubicBezTo>
                <a:lnTo>
                  <a:pt x="2357943" y="626266"/>
                </a:lnTo>
                <a:lnTo>
                  <a:pt x="2380272" y="626266"/>
                </a:lnTo>
                <a:lnTo>
                  <a:pt x="2380272" y="530194"/>
                </a:lnTo>
                <a:cubicBezTo>
                  <a:pt x="2380272" y="511357"/>
                  <a:pt x="2375785" y="497648"/>
                  <a:pt x="2366810" y="489120"/>
                </a:cubicBezTo>
                <a:cubicBezTo>
                  <a:pt x="2357835" y="480592"/>
                  <a:pt x="2344480" y="476274"/>
                  <a:pt x="2326692" y="476274"/>
                </a:cubicBezTo>
                <a:close/>
                <a:moveTo>
                  <a:pt x="2637409" y="476274"/>
                </a:moveTo>
                <a:cubicBezTo>
                  <a:pt x="2619277" y="475564"/>
                  <a:pt x="2601849" y="483326"/>
                  <a:pt x="2590265" y="497269"/>
                </a:cubicBezTo>
                <a:cubicBezTo>
                  <a:pt x="2578550" y="511230"/>
                  <a:pt x="2572692" y="530085"/>
                  <a:pt x="2572692" y="553833"/>
                </a:cubicBezTo>
                <a:cubicBezTo>
                  <a:pt x="2572656" y="577438"/>
                  <a:pt x="2578947" y="595861"/>
                  <a:pt x="2591561" y="609102"/>
                </a:cubicBezTo>
                <a:cubicBezTo>
                  <a:pt x="2604177" y="622344"/>
                  <a:pt x="2621406" y="628964"/>
                  <a:pt x="2643249" y="628964"/>
                </a:cubicBezTo>
                <a:cubicBezTo>
                  <a:pt x="2651792" y="629110"/>
                  <a:pt x="2660325" y="628369"/>
                  <a:pt x="2668714" y="626751"/>
                </a:cubicBezTo>
                <a:cubicBezTo>
                  <a:pt x="2676421" y="625090"/>
                  <a:pt x="2683940" y="622648"/>
                  <a:pt x="2691151" y="619465"/>
                </a:cubicBezTo>
                <a:lnTo>
                  <a:pt x="2691151" y="599549"/>
                </a:lnTo>
                <a:cubicBezTo>
                  <a:pt x="2676296" y="606028"/>
                  <a:pt x="2660271" y="609408"/>
                  <a:pt x="2644060" y="609480"/>
                </a:cubicBezTo>
                <a:cubicBezTo>
                  <a:pt x="2630986" y="610259"/>
                  <a:pt x="2618213" y="605359"/>
                  <a:pt x="2609025" y="596041"/>
                </a:cubicBezTo>
                <a:cubicBezTo>
                  <a:pt x="2600698" y="587081"/>
                  <a:pt x="2596320" y="573965"/>
                  <a:pt x="2595887" y="556694"/>
                </a:cubicBezTo>
                <a:lnTo>
                  <a:pt x="2697531" y="556694"/>
                </a:lnTo>
                <a:lnTo>
                  <a:pt x="2697531" y="542553"/>
                </a:lnTo>
                <a:cubicBezTo>
                  <a:pt x="2698310" y="525083"/>
                  <a:pt x="2692525" y="507951"/>
                  <a:pt x="2681312" y="494517"/>
                </a:cubicBezTo>
                <a:cubicBezTo>
                  <a:pt x="2670144" y="482190"/>
                  <a:pt x="2654039" y="475498"/>
                  <a:pt x="2637409" y="476274"/>
                </a:cubicBezTo>
                <a:close/>
                <a:moveTo>
                  <a:pt x="2987596" y="476274"/>
                </a:moveTo>
                <a:cubicBezTo>
                  <a:pt x="2978050" y="476140"/>
                  <a:pt x="2968599" y="478190"/>
                  <a:pt x="2959969" y="482265"/>
                </a:cubicBezTo>
                <a:cubicBezTo>
                  <a:pt x="2952065" y="485940"/>
                  <a:pt x="2945384" y="491804"/>
                  <a:pt x="2940721" y="499159"/>
                </a:cubicBezTo>
                <a:lnTo>
                  <a:pt x="2939640" y="499159"/>
                </a:lnTo>
                <a:lnTo>
                  <a:pt x="2936017" y="478973"/>
                </a:lnTo>
                <a:lnTo>
                  <a:pt x="2917851" y="478973"/>
                </a:lnTo>
                <a:lnTo>
                  <a:pt x="2917851" y="626266"/>
                </a:lnTo>
                <a:lnTo>
                  <a:pt x="2940180" y="626266"/>
                </a:lnTo>
                <a:lnTo>
                  <a:pt x="2940180" y="549084"/>
                </a:lnTo>
                <a:cubicBezTo>
                  <a:pt x="2940216" y="529870"/>
                  <a:pt x="2943821" y="516107"/>
                  <a:pt x="2950994" y="507795"/>
                </a:cubicBezTo>
                <a:cubicBezTo>
                  <a:pt x="2958166" y="499483"/>
                  <a:pt x="2969484" y="495327"/>
                  <a:pt x="2984947" y="495327"/>
                </a:cubicBezTo>
                <a:cubicBezTo>
                  <a:pt x="2996625" y="495327"/>
                  <a:pt x="3005222" y="498241"/>
                  <a:pt x="3010629" y="504178"/>
                </a:cubicBezTo>
                <a:cubicBezTo>
                  <a:pt x="3016720" y="511796"/>
                  <a:pt x="3019660" y="521452"/>
                  <a:pt x="3018847" y="531165"/>
                </a:cubicBezTo>
                <a:lnTo>
                  <a:pt x="3018847" y="626266"/>
                </a:lnTo>
                <a:lnTo>
                  <a:pt x="3041176" y="626266"/>
                </a:lnTo>
                <a:lnTo>
                  <a:pt x="3041176" y="530194"/>
                </a:lnTo>
                <a:cubicBezTo>
                  <a:pt x="3041176" y="511357"/>
                  <a:pt x="3036689" y="497648"/>
                  <a:pt x="3027714" y="489120"/>
                </a:cubicBezTo>
                <a:cubicBezTo>
                  <a:pt x="3018739" y="480592"/>
                  <a:pt x="3005330" y="476274"/>
                  <a:pt x="2987596" y="476274"/>
                </a:cubicBezTo>
                <a:close/>
                <a:moveTo>
                  <a:pt x="3136170" y="476274"/>
                </a:moveTo>
                <a:cubicBezTo>
                  <a:pt x="3118399" y="476274"/>
                  <a:pt x="3104666" y="480646"/>
                  <a:pt x="3094971" y="489389"/>
                </a:cubicBezTo>
                <a:cubicBezTo>
                  <a:pt x="3084863" y="499080"/>
                  <a:pt x="3079542" y="512722"/>
                  <a:pt x="3080426" y="526685"/>
                </a:cubicBezTo>
                <a:cubicBezTo>
                  <a:pt x="3080252" y="535711"/>
                  <a:pt x="3082693" y="544595"/>
                  <a:pt x="3087456" y="552268"/>
                </a:cubicBezTo>
                <a:cubicBezTo>
                  <a:pt x="3091797" y="559503"/>
                  <a:pt x="3098329" y="565173"/>
                  <a:pt x="3106109" y="568460"/>
                </a:cubicBezTo>
                <a:cubicBezTo>
                  <a:pt x="3100839" y="571409"/>
                  <a:pt x="3096208" y="575371"/>
                  <a:pt x="3092484" y="580118"/>
                </a:cubicBezTo>
                <a:cubicBezTo>
                  <a:pt x="3089594" y="584261"/>
                  <a:pt x="3088099" y="589213"/>
                  <a:pt x="3088213" y="594260"/>
                </a:cubicBezTo>
                <a:cubicBezTo>
                  <a:pt x="3088107" y="598721"/>
                  <a:pt x="3089454" y="603096"/>
                  <a:pt x="3092051" y="606727"/>
                </a:cubicBezTo>
                <a:cubicBezTo>
                  <a:pt x="3094375" y="610304"/>
                  <a:pt x="3097651" y="613164"/>
                  <a:pt x="3101513" y="614985"/>
                </a:cubicBezTo>
                <a:cubicBezTo>
                  <a:pt x="3092213" y="616711"/>
                  <a:pt x="3083717" y="621387"/>
                  <a:pt x="3077292" y="628317"/>
                </a:cubicBezTo>
                <a:cubicBezTo>
                  <a:pt x="3071712" y="634669"/>
                  <a:pt x="3068687" y="642861"/>
                  <a:pt x="3068802" y="651309"/>
                </a:cubicBezTo>
                <a:cubicBezTo>
                  <a:pt x="3068310" y="663472"/>
                  <a:pt x="3074268" y="674995"/>
                  <a:pt x="3084481" y="681642"/>
                </a:cubicBezTo>
                <a:cubicBezTo>
                  <a:pt x="3094899" y="688839"/>
                  <a:pt x="3109767" y="692437"/>
                  <a:pt x="3129087" y="692437"/>
                </a:cubicBezTo>
                <a:cubicBezTo>
                  <a:pt x="3154318" y="692401"/>
                  <a:pt x="3173331" y="688209"/>
                  <a:pt x="3186127" y="679861"/>
                </a:cubicBezTo>
                <a:cubicBezTo>
                  <a:pt x="3198941" y="671879"/>
                  <a:pt x="3206460" y="657630"/>
                  <a:pt x="3205807" y="642566"/>
                </a:cubicBezTo>
                <a:cubicBezTo>
                  <a:pt x="3206499" y="631297"/>
                  <a:pt x="3201709" y="620386"/>
                  <a:pt x="3192939" y="613258"/>
                </a:cubicBezTo>
                <a:cubicBezTo>
                  <a:pt x="3184361" y="606529"/>
                  <a:pt x="3172088" y="603165"/>
                  <a:pt x="3156120" y="603165"/>
                </a:cubicBezTo>
                <a:lnTo>
                  <a:pt x="3130221" y="603165"/>
                </a:lnTo>
                <a:cubicBezTo>
                  <a:pt x="3124363" y="603578"/>
                  <a:pt x="3118489" y="602598"/>
                  <a:pt x="3113083" y="600305"/>
                </a:cubicBezTo>
                <a:cubicBezTo>
                  <a:pt x="3109855" y="598504"/>
                  <a:pt x="3107927" y="595032"/>
                  <a:pt x="3108109" y="591345"/>
                </a:cubicBezTo>
                <a:cubicBezTo>
                  <a:pt x="3108109" y="583717"/>
                  <a:pt x="3112867" y="577402"/>
                  <a:pt x="3122383" y="572400"/>
                </a:cubicBezTo>
                <a:cubicBezTo>
                  <a:pt x="3126469" y="573129"/>
                  <a:pt x="3130613" y="573490"/>
                  <a:pt x="3134764" y="573480"/>
                </a:cubicBezTo>
                <a:cubicBezTo>
                  <a:pt x="3149445" y="574322"/>
                  <a:pt x="3163922" y="569729"/>
                  <a:pt x="3175422" y="560580"/>
                </a:cubicBezTo>
                <a:cubicBezTo>
                  <a:pt x="3185337" y="551894"/>
                  <a:pt x="3190782" y="539195"/>
                  <a:pt x="3190236" y="526037"/>
                </a:cubicBezTo>
                <a:cubicBezTo>
                  <a:pt x="3190325" y="520186"/>
                  <a:pt x="3189336" y="514368"/>
                  <a:pt x="3187316" y="508874"/>
                </a:cubicBezTo>
                <a:cubicBezTo>
                  <a:pt x="3185653" y="504476"/>
                  <a:pt x="3183378" y="500333"/>
                  <a:pt x="3180558" y="496568"/>
                </a:cubicBezTo>
                <a:lnTo>
                  <a:pt x="3207916" y="493383"/>
                </a:lnTo>
                <a:lnTo>
                  <a:pt x="3207916" y="478972"/>
                </a:lnTo>
                <a:lnTo>
                  <a:pt x="3157039" y="478972"/>
                </a:lnTo>
                <a:cubicBezTo>
                  <a:pt x="3150243" y="477103"/>
                  <a:pt x="3143218" y="476195"/>
                  <a:pt x="3136170" y="476274"/>
                </a:cubicBezTo>
                <a:close/>
                <a:moveTo>
                  <a:pt x="2802907" y="476273"/>
                </a:moveTo>
                <a:cubicBezTo>
                  <a:pt x="2793893" y="476285"/>
                  <a:pt x="2785093" y="479013"/>
                  <a:pt x="2777658" y="484100"/>
                </a:cubicBezTo>
                <a:cubicBezTo>
                  <a:pt x="2769316" y="489815"/>
                  <a:pt x="2762443" y="497416"/>
                  <a:pt x="2757599" y="506283"/>
                </a:cubicBezTo>
                <a:lnTo>
                  <a:pt x="2756518" y="506283"/>
                </a:lnTo>
                <a:lnTo>
                  <a:pt x="2753978" y="478972"/>
                </a:lnTo>
                <a:lnTo>
                  <a:pt x="2735540" y="478972"/>
                </a:lnTo>
                <a:lnTo>
                  <a:pt x="2735540" y="626266"/>
                </a:lnTo>
                <a:lnTo>
                  <a:pt x="2757869" y="626266"/>
                </a:lnTo>
                <a:lnTo>
                  <a:pt x="2757869" y="547410"/>
                </a:lnTo>
                <a:cubicBezTo>
                  <a:pt x="2757459" y="534190"/>
                  <a:pt x="2762009" y="521293"/>
                  <a:pt x="2770629" y="511248"/>
                </a:cubicBezTo>
                <a:cubicBezTo>
                  <a:pt x="2778104" y="502037"/>
                  <a:pt x="2789355" y="496699"/>
                  <a:pt x="2801230" y="496729"/>
                </a:cubicBezTo>
                <a:cubicBezTo>
                  <a:pt x="2806695" y="496831"/>
                  <a:pt x="2812133" y="497519"/>
                  <a:pt x="2817450" y="498780"/>
                </a:cubicBezTo>
                <a:lnTo>
                  <a:pt x="2820532" y="477893"/>
                </a:lnTo>
                <a:cubicBezTo>
                  <a:pt x="2814727" y="476756"/>
                  <a:pt x="2808822" y="476213"/>
                  <a:pt x="2802907" y="476274"/>
                </a:cubicBezTo>
                <a:close/>
                <a:moveTo>
                  <a:pt x="2085015" y="476059"/>
                </a:moveTo>
                <a:cubicBezTo>
                  <a:pt x="2067246" y="476059"/>
                  <a:pt x="2053514" y="480430"/>
                  <a:pt x="2043818" y="489174"/>
                </a:cubicBezTo>
                <a:cubicBezTo>
                  <a:pt x="2033728" y="498877"/>
                  <a:pt x="2028412" y="512511"/>
                  <a:pt x="2029274" y="526470"/>
                </a:cubicBezTo>
                <a:cubicBezTo>
                  <a:pt x="2029105" y="535585"/>
                  <a:pt x="2031604" y="544551"/>
                  <a:pt x="2036465" y="552268"/>
                </a:cubicBezTo>
                <a:cubicBezTo>
                  <a:pt x="2040806" y="559504"/>
                  <a:pt x="2047337" y="565174"/>
                  <a:pt x="2055118" y="568461"/>
                </a:cubicBezTo>
                <a:cubicBezTo>
                  <a:pt x="2049863" y="571409"/>
                  <a:pt x="2045249" y="575372"/>
                  <a:pt x="2041547" y="580119"/>
                </a:cubicBezTo>
                <a:cubicBezTo>
                  <a:pt x="2038617" y="584245"/>
                  <a:pt x="2037100" y="589205"/>
                  <a:pt x="2037222" y="594260"/>
                </a:cubicBezTo>
                <a:cubicBezTo>
                  <a:pt x="2037138" y="598718"/>
                  <a:pt x="2038484" y="603086"/>
                  <a:pt x="2041060" y="606728"/>
                </a:cubicBezTo>
                <a:cubicBezTo>
                  <a:pt x="2043345" y="610298"/>
                  <a:pt x="2046586" y="613157"/>
                  <a:pt x="2050414" y="614986"/>
                </a:cubicBezTo>
                <a:cubicBezTo>
                  <a:pt x="2041092" y="616698"/>
                  <a:pt x="2032577" y="621374"/>
                  <a:pt x="2026138" y="628317"/>
                </a:cubicBezTo>
                <a:cubicBezTo>
                  <a:pt x="2020515" y="634748"/>
                  <a:pt x="2017505" y="643045"/>
                  <a:pt x="2017704" y="651580"/>
                </a:cubicBezTo>
                <a:cubicBezTo>
                  <a:pt x="2017233" y="663738"/>
                  <a:pt x="2023184" y="675251"/>
                  <a:pt x="2033383" y="681912"/>
                </a:cubicBezTo>
                <a:cubicBezTo>
                  <a:pt x="2043818" y="689092"/>
                  <a:pt x="2058740" y="692707"/>
                  <a:pt x="2078042" y="692707"/>
                </a:cubicBezTo>
                <a:cubicBezTo>
                  <a:pt x="2103166" y="692671"/>
                  <a:pt x="2122269" y="688390"/>
                  <a:pt x="2135352" y="679862"/>
                </a:cubicBezTo>
                <a:cubicBezTo>
                  <a:pt x="2148167" y="671879"/>
                  <a:pt x="2155686" y="657631"/>
                  <a:pt x="2155033" y="642567"/>
                </a:cubicBezTo>
                <a:cubicBezTo>
                  <a:pt x="2155743" y="631295"/>
                  <a:pt x="2150950" y="620376"/>
                  <a:pt x="2142165" y="613259"/>
                </a:cubicBezTo>
                <a:cubicBezTo>
                  <a:pt x="2133622" y="606512"/>
                  <a:pt x="2121565" y="603166"/>
                  <a:pt x="2105346" y="603166"/>
                </a:cubicBezTo>
                <a:lnTo>
                  <a:pt x="2079231" y="603166"/>
                </a:lnTo>
                <a:cubicBezTo>
                  <a:pt x="2073389" y="603581"/>
                  <a:pt x="2067533" y="602599"/>
                  <a:pt x="2062146" y="600304"/>
                </a:cubicBezTo>
                <a:cubicBezTo>
                  <a:pt x="2058899" y="598524"/>
                  <a:pt x="2056964" y="595039"/>
                  <a:pt x="2057172" y="591346"/>
                </a:cubicBezTo>
                <a:cubicBezTo>
                  <a:pt x="2057208" y="583718"/>
                  <a:pt x="2061948" y="577403"/>
                  <a:pt x="2071392" y="572400"/>
                </a:cubicBezTo>
                <a:cubicBezTo>
                  <a:pt x="2075495" y="573132"/>
                  <a:pt x="2079658" y="573493"/>
                  <a:pt x="2083826" y="573481"/>
                </a:cubicBezTo>
                <a:cubicBezTo>
                  <a:pt x="2098506" y="574302"/>
                  <a:pt x="2112974" y="569711"/>
                  <a:pt x="2124486" y="560581"/>
                </a:cubicBezTo>
                <a:cubicBezTo>
                  <a:pt x="2134381" y="551880"/>
                  <a:pt x="2139823" y="539192"/>
                  <a:pt x="2139299" y="526038"/>
                </a:cubicBezTo>
                <a:cubicBezTo>
                  <a:pt x="2139372" y="520183"/>
                  <a:pt x="2138364" y="514365"/>
                  <a:pt x="2136325" y="508875"/>
                </a:cubicBezTo>
                <a:cubicBezTo>
                  <a:pt x="2134681" y="504468"/>
                  <a:pt x="2132406" y="500321"/>
                  <a:pt x="2129567" y="496569"/>
                </a:cubicBezTo>
                <a:lnTo>
                  <a:pt x="2156925" y="493384"/>
                </a:lnTo>
                <a:lnTo>
                  <a:pt x="2156925" y="478973"/>
                </a:lnTo>
                <a:lnTo>
                  <a:pt x="2105887" y="478757"/>
                </a:lnTo>
                <a:cubicBezTo>
                  <a:pt x="2099090" y="476888"/>
                  <a:pt x="2092065" y="475980"/>
                  <a:pt x="2085015" y="476059"/>
                </a:cubicBezTo>
                <a:close/>
                <a:moveTo>
                  <a:pt x="1716934" y="429804"/>
                </a:moveTo>
                <a:lnTo>
                  <a:pt x="1716934" y="626267"/>
                </a:lnTo>
                <a:lnTo>
                  <a:pt x="1826634" y="626267"/>
                </a:lnTo>
                <a:lnTo>
                  <a:pt x="1826634" y="605865"/>
                </a:lnTo>
                <a:lnTo>
                  <a:pt x="1739588" y="605865"/>
                </a:lnTo>
                <a:lnTo>
                  <a:pt x="1739588" y="533541"/>
                </a:lnTo>
                <a:lnTo>
                  <a:pt x="1821174" y="533541"/>
                </a:lnTo>
                <a:lnTo>
                  <a:pt x="1821174" y="513409"/>
                </a:lnTo>
                <a:lnTo>
                  <a:pt x="1739588" y="513409"/>
                </a:lnTo>
                <a:lnTo>
                  <a:pt x="1739588" y="450206"/>
                </a:lnTo>
                <a:lnTo>
                  <a:pt x="1826634" y="450206"/>
                </a:lnTo>
                <a:lnTo>
                  <a:pt x="1826634" y="429804"/>
                </a:lnTo>
                <a:close/>
                <a:moveTo>
                  <a:pt x="2189094" y="427859"/>
                </a:moveTo>
                <a:cubicBezTo>
                  <a:pt x="2186309" y="430906"/>
                  <a:pt x="2184936" y="434979"/>
                  <a:pt x="2185309" y="439086"/>
                </a:cubicBezTo>
                <a:cubicBezTo>
                  <a:pt x="2185005" y="443151"/>
                  <a:pt x="2186372" y="447165"/>
                  <a:pt x="2189094" y="450204"/>
                </a:cubicBezTo>
                <a:cubicBezTo>
                  <a:pt x="2194366" y="455100"/>
                  <a:pt x="2202529" y="455100"/>
                  <a:pt x="2207801" y="450204"/>
                </a:cubicBezTo>
                <a:cubicBezTo>
                  <a:pt x="2210593" y="447180"/>
                  <a:pt x="2212003" y="443135"/>
                  <a:pt x="2211694" y="439033"/>
                </a:cubicBezTo>
                <a:cubicBezTo>
                  <a:pt x="2212030" y="434927"/>
                  <a:pt x="2210616" y="430870"/>
                  <a:pt x="2207801" y="427859"/>
                </a:cubicBezTo>
                <a:cubicBezTo>
                  <a:pt x="2202489" y="423067"/>
                  <a:pt x="2194406" y="423067"/>
                  <a:pt x="2189094" y="427859"/>
                </a:cubicBezTo>
                <a:close/>
                <a:moveTo>
                  <a:pt x="2859460" y="424298"/>
                </a:moveTo>
                <a:cubicBezTo>
                  <a:pt x="2855974" y="424186"/>
                  <a:pt x="2852587" y="425468"/>
                  <a:pt x="2850052" y="427860"/>
                </a:cubicBezTo>
                <a:cubicBezTo>
                  <a:pt x="2847267" y="430905"/>
                  <a:pt x="2845894" y="434980"/>
                  <a:pt x="2846267" y="439086"/>
                </a:cubicBezTo>
                <a:cubicBezTo>
                  <a:pt x="2845933" y="443188"/>
                  <a:pt x="2847302" y="447247"/>
                  <a:pt x="2850052" y="450313"/>
                </a:cubicBezTo>
                <a:cubicBezTo>
                  <a:pt x="2852559" y="452760"/>
                  <a:pt x="2855955" y="454085"/>
                  <a:pt x="2859460" y="453983"/>
                </a:cubicBezTo>
                <a:cubicBezTo>
                  <a:pt x="2862920" y="454014"/>
                  <a:pt x="2866255" y="452697"/>
                  <a:pt x="2868759" y="450313"/>
                </a:cubicBezTo>
                <a:cubicBezTo>
                  <a:pt x="2871566" y="447275"/>
                  <a:pt x="2872976" y="443206"/>
                  <a:pt x="2872652" y="439086"/>
                </a:cubicBezTo>
                <a:cubicBezTo>
                  <a:pt x="2872988" y="434981"/>
                  <a:pt x="2871574" y="430925"/>
                  <a:pt x="2868759" y="427914"/>
                </a:cubicBezTo>
                <a:cubicBezTo>
                  <a:pt x="2866250" y="425544"/>
                  <a:pt x="2862913" y="424247"/>
                  <a:pt x="2859460" y="424298"/>
                </a:cubicBezTo>
                <a:close/>
                <a:moveTo>
                  <a:pt x="376999" y="311072"/>
                </a:moveTo>
                <a:cubicBezTo>
                  <a:pt x="335263" y="311072"/>
                  <a:pt x="301430" y="344905"/>
                  <a:pt x="301430" y="386641"/>
                </a:cubicBezTo>
                <a:lnTo>
                  <a:pt x="301430" y="960386"/>
                </a:lnTo>
                <a:cubicBezTo>
                  <a:pt x="301430" y="1002122"/>
                  <a:pt x="335263" y="1035955"/>
                  <a:pt x="376999" y="1035955"/>
                </a:cubicBezTo>
                <a:lnTo>
                  <a:pt x="1497644" y="1035955"/>
                </a:lnTo>
                <a:cubicBezTo>
                  <a:pt x="1539380" y="1035955"/>
                  <a:pt x="1573213" y="1002122"/>
                  <a:pt x="1573213" y="960386"/>
                </a:cubicBezTo>
                <a:lnTo>
                  <a:pt x="1573213" y="386641"/>
                </a:lnTo>
                <a:cubicBezTo>
                  <a:pt x="1573213" y="344905"/>
                  <a:pt x="1539380" y="311072"/>
                  <a:pt x="1497644" y="311072"/>
                </a:cubicBezTo>
                <a:close/>
                <a:moveTo>
                  <a:pt x="0" y="0"/>
                </a:moveTo>
                <a:lnTo>
                  <a:pt x="11867250" y="0"/>
                </a:lnTo>
                <a:lnTo>
                  <a:pt x="11867250" y="2037600"/>
                </a:lnTo>
                <a:lnTo>
                  <a:pt x="11881650" y="2037600"/>
                </a:lnTo>
                <a:lnTo>
                  <a:pt x="11881650" y="0"/>
                </a:lnTo>
                <a:lnTo>
                  <a:pt x="12193196" y="0"/>
                </a:lnTo>
                <a:lnTo>
                  <a:pt x="12193196" y="6861598"/>
                </a:lnTo>
                <a:lnTo>
                  <a:pt x="0" y="6861598"/>
                </a:lnTo>
                <a:lnTo>
                  <a:pt x="0" y="6541141"/>
                </a:lnTo>
                <a:lnTo>
                  <a:pt x="9709193" y="6541141"/>
                </a:lnTo>
                <a:lnTo>
                  <a:pt x="9709193" y="6526741"/>
                </a:lnTo>
                <a:lnTo>
                  <a:pt x="0" y="6526741"/>
                </a:lnTo>
                <a:close/>
              </a:path>
            </a:pathLst>
          </a:custGeom>
          <a:solidFill>
            <a:schemeClr val="bg2"/>
          </a:solidFill>
        </p:spPr>
        <p:txBody>
          <a:bodyPr wrap="square" tIns="648000" bIns="0" anchor="t" anchorCtr="0">
            <a:noAutofit/>
          </a:bodyP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sz="1600">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9" name="Footer Placeholder 8">
            <a:extLst>
              <a:ext uri="{FF2B5EF4-FFF2-40B4-BE49-F238E27FC236}">
                <a16:creationId xmlns:a16="http://schemas.microsoft.com/office/drawing/2014/main" id="{B450E4BA-AB0E-4E89-9112-52FFD31600AB}"/>
              </a:ext>
            </a:extLst>
          </p:cNvPr>
          <p:cNvSpPr>
            <a:spLocks noGrp="1"/>
          </p:cNvSpPr>
          <p:nvPr>
            <p:ph type="ftr" sz="quarter" idx="16"/>
          </p:nvPr>
        </p:nvSpPr>
        <p:spPr/>
        <p:txBody>
          <a:body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0DB949FF-9683-4C07-B8ED-57EEBCDAAF3F}"/>
              </a:ext>
            </a:extLst>
          </p:cNvPr>
          <p:cNvSpPr>
            <a:spLocks noGrp="1"/>
          </p:cNvSpPr>
          <p:nvPr>
            <p:ph type="sldNum" sz="quarter" idx="17"/>
          </p:nvPr>
        </p:nvSpPr>
        <p:spPr/>
        <p:txBody>
          <a:bodyPr/>
          <a:lstStyle/>
          <a:p>
            <a:fld id="{23AA811B-2EBD-4900-905E-5BE206449611}" type="slidenum">
              <a:rPr lang="en-US" smtClean="0"/>
              <a:pPr/>
              <a:t>‹#›</a:t>
            </a:fld>
            <a:endParaRPr lang="en-US" dirty="0"/>
          </a:p>
        </p:txBody>
      </p:sp>
      <p:sp>
        <p:nvSpPr>
          <p:cNvPr id="18" name="Text Placeholder 28">
            <a:extLst>
              <a:ext uri="{FF2B5EF4-FFF2-40B4-BE49-F238E27FC236}">
                <a16:creationId xmlns:a16="http://schemas.microsoft.com/office/drawing/2014/main" id="{40E1ED61-DDEF-42F4-9929-C0C49725411A}"/>
              </a:ext>
            </a:extLst>
          </p:cNvPr>
          <p:cNvSpPr>
            <a:spLocks noGrp="1"/>
          </p:cNvSpPr>
          <p:nvPr>
            <p:ph type="body" sz="quarter" idx="14"/>
          </p:nvPr>
        </p:nvSpPr>
        <p:spPr>
          <a:xfrm>
            <a:off x="9708425" y="6367604"/>
            <a:ext cx="1848208" cy="362211"/>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Click to edit Master text styles</a:t>
            </a:r>
          </a:p>
        </p:txBody>
      </p:sp>
      <p:sp>
        <p:nvSpPr>
          <p:cNvPr id="3" name="TextBox 2">
            <a:extLst>
              <a:ext uri="{FF2B5EF4-FFF2-40B4-BE49-F238E27FC236}">
                <a16:creationId xmlns:a16="http://schemas.microsoft.com/office/drawing/2014/main" id="{33A4508B-DC76-4ED1-8A53-7E1CF6C8CCA3}"/>
              </a:ext>
            </a:extLst>
          </p:cNvPr>
          <p:cNvSpPr txBox="1"/>
          <p:nvPr userDrawn="1"/>
        </p:nvSpPr>
        <p:spPr>
          <a:xfrm>
            <a:off x="7043738" y="4545399"/>
            <a:ext cx="1720850" cy="246221"/>
          </a:xfrm>
          <a:prstGeom prst="rect">
            <a:avLst/>
          </a:prstGeom>
          <a:noFill/>
        </p:spPr>
        <p:txBody>
          <a:bodyPr wrap="square" lIns="0" tIns="0" rIns="0" bIns="0" rtlCol="0">
            <a:spAutoFit/>
          </a:bodyPr>
          <a:lstStyle/>
          <a:p>
            <a:r>
              <a:rPr lang="en-US" sz="1600" b="1" dirty="0">
                <a:solidFill>
                  <a:schemeClr val="tx2"/>
                </a:solidFill>
              </a:rPr>
              <a:t>Contact</a:t>
            </a:r>
            <a:endParaRPr lang="en-US"/>
          </a:p>
        </p:txBody>
      </p:sp>
      <p:sp>
        <p:nvSpPr>
          <p:cNvPr id="19" name="Title 18">
            <a:extLst>
              <a:ext uri="{FF2B5EF4-FFF2-40B4-BE49-F238E27FC236}">
                <a16:creationId xmlns:a16="http://schemas.microsoft.com/office/drawing/2014/main" id="{F0967B1F-78AC-41F5-BB2E-FB6C78E1AF95}"/>
              </a:ext>
            </a:extLst>
          </p:cNvPr>
          <p:cNvSpPr>
            <a:spLocks noGrp="1"/>
          </p:cNvSpPr>
          <p:nvPr>
            <p:ph type="title" hasCustomPrompt="1"/>
          </p:nvPr>
        </p:nvSpPr>
        <p:spPr>
          <a:xfrm>
            <a:off x="6205200" y="2247627"/>
            <a:ext cx="5986800" cy="3096000"/>
          </a:xfrm>
          <a:custGeom>
            <a:avLst/>
            <a:gdLst>
              <a:gd name="connsiteX0" fmla="*/ 0 w 5986800"/>
              <a:gd name="connsiteY0" fmla="*/ 0 h 3096000"/>
              <a:gd name="connsiteX1" fmla="*/ 5986800 w 5986800"/>
              <a:gd name="connsiteY1" fmla="*/ 0 h 3096000"/>
              <a:gd name="connsiteX2" fmla="*/ 5986800 w 5986800"/>
              <a:gd name="connsiteY2" fmla="*/ 2019600 h 3096000"/>
              <a:gd name="connsiteX3" fmla="*/ 205200 w 5986800"/>
              <a:gd name="connsiteY3" fmla="*/ 2019600 h 3096000"/>
              <a:gd name="connsiteX4" fmla="*/ 205200 w 5986800"/>
              <a:gd name="connsiteY4" fmla="*/ 3096000 h 3096000"/>
              <a:gd name="connsiteX5" fmla="*/ 0 w 5986800"/>
              <a:gd name="connsiteY5" fmla="*/ 3096000 h 3096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986800" h="3096000">
                <a:moveTo>
                  <a:pt x="0" y="0"/>
                </a:moveTo>
                <a:lnTo>
                  <a:pt x="5986800" y="0"/>
                </a:lnTo>
                <a:lnTo>
                  <a:pt x="5986800" y="2019600"/>
                </a:lnTo>
                <a:lnTo>
                  <a:pt x="205200" y="2019600"/>
                </a:lnTo>
                <a:lnTo>
                  <a:pt x="205200" y="3096000"/>
                </a:lnTo>
                <a:lnTo>
                  <a:pt x="0" y="3096000"/>
                </a:lnTo>
                <a:close/>
              </a:path>
            </a:pathLst>
          </a:custGeom>
          <a:solidFill>
            <a:schemeClr val="tx2"/>
          </a:solidFill>
        </p:spPr>
        <p:txBody>
          <a:bodyPr wrap="square" lIns="684000" tIns="540000" rIns="648000" bIns="360000" anchor="t" anchorCtr="0">
            <a:noAutofit/>
          </a:bodyPr>
          <a:lstStyle>
            <a:lvl1pPr>
              <a:defRPr>
                <a:solidFill>
                  <a:schemeClr val="bg1"/>
                </a:solidFill>
              </a:defRPr>
            </a:lvl1pPr>
          </a:lstStyle>
          <a:p>
            <a:r>
              <a:rPr lang="en-US" noProof="0" dirty="0"/>
              <a:t>Click to add title</a:t>
            </a:r>
            <a:endParaRPr lang="en-US"/>
          </a:p>
        </p:txBody>
      </p:sp>
      <p:sp>
        <p:nvSpPr>
          <p:cNvPr id="21" name="text" descr="{&quot;templafy&quot;:{&quot;id&quot;:&quot;648b3b1e-8996-44bc-888d-b65e52c29486&quot;}}">
            <a:extLst>
              <a:ext uri="{FF2B5EF4-FFF2-40B4-BE49-F238E27FC236}">
                <a16:creationId xmlns:a16="http://schemas.microsoft.com/office/drawing/2014/main" id="{F00CF919-F1E7-4B22-810D-B5FF11DF199E}"/>
              </a:ext>
            </a:extLst>
          </p:cNvPr>
          <p:cNvSpPr txBox="1"/>
          <p:nvPr userDrawn="1"/>
        </p:nvSpPr>
        <p:spPr>
          <a:xfrm>
            <a:off x="7043738" y="4791620"/>
            <a:ext cx="4497862" cy="246221"/>
          </a:xfrm>
          <a:prstGeom prst="rect">
            <a:avLst/>
          </a:prstGeom>
          <a:noFill/>
        </p:spPr>
        <p:txBody>
          <a:bodyPr wrap="square" lIns="0" tIns="0" rIns="0" bIns="0" rtlCol="0">
            <a:spAutoFit/>
          </a:bodyPr>
          <a:lstStyle/>
          <a:p>
            <a:r>
              <a:rPr lang="en-US" sz="1600" b="0" dirty="0">
                <a:solidFill>
                  <a:schemeClr val="tx2"/>
                </a:solidFill>
              </a:rPr>
              <a:t>Nicholas Dickerson</a:t>
            </a:r>
          </a:p>
        </p:txBody>
      </p:sp>
      <p:sp>
        <p:nvSpPr>
          <p:cNvPr id="22" name="text" descr="{&quot;templafy&quot;:{&quot;id&quot;:&quot;4e626210-7c0a-4120-a73f-e6376eaf3579&quot;}}">
            <a:extLst>
              <a:ext uri="{FF2B5EF4-FFF2-40B4-BE49-F238E27FC236}">
                <a16:creationId xmlns:a16="http://schemas.microsoft.com/office/drawing/2014/main" id="{8424D9F1-11E3-4AA6-8A44-7DE70A57F0D8}"/>
              </a:ext>
            </a:extLst>
          </p:cNvPr>
          <p:cNvSpPr txBox="1"/>
          <p:nvPr userDrawn="1"/>
        </p:nvSpPr>
        <p:spPr>
          <a:xfrm>
            <a:off x="7043738" y="5052588"/>
            <a:ext cx="4497862" cy="246221"/>
          </a:xfrm>
          <a:prstGeom prst="rect">
            <a:avLst/>
          </a:prstGeom>
          <a:noFill/>
        </p:spPr>
        <p:txBody>
          <a:bodyPr wrap="square" lIns="0" tIns="0" rIns="0" bIns="0" rtlCol="0">
            <a:spAutoFit/>
          </a:bodyPr>
          <a:lstStyle/>
          <a:p>
            <a:r>
              <a:rPr lang="en-US" sz="1600" b="0" dirty="0">
                <a:solidFill>
                  <a:schemeClr val="tx2"/>
                </a:solidFill>
              </a:rPr>
              <a:t>nicholas.dickerson@collierseng.com</a:t>
            </a:r>
          </a:p>
        </p:txBody>
      </p:sp>
    </p:spTree>
    <p:extLst>
      <p:ext uri="{BB962C8B-B14F-4D97-AF65-F5344CB8AC3E}">
        <p14:creationId xmlns:p14="http://schemas.microsoft.com/office/powerpoint/2010/main" val="147384808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End B">
    <p:bg>
      <p:bgPr>
        <a:solidFill>
          <a:schemeClr val="tx2"/>
        </a:solidFill>
        <a:effectLst/>
      </p:bgPr>
    </p:bg>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B450E4BA-AB0E-4E89-9112-52FFD31600AB}"/>
              </a:ext>
            </a:extLst>
          </p:cNvPr>
          <p:cNvSpPr>
            <a:spLocks noGrp="1"/>
          </p:cNvSpPr>
          <p:nvPr>
            <p:ph type="ftr" sz="quarter" idx="16"/>
          </p:nvPr>
        </p:nvSpPr>
        <p:spPr/>
        <p:txBody>
          <a:bodyPr/>
          <a:lstStyle>
            <a:lvl1pPr>
              <a:defRPr>
                <a:solidFill>
                  <a:schemeClr val="bg1"/>
                </a:solidFill>
              </a:defRPr>
            </a:lvl1p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0DB949FF-9683-4C07-B8ED-57EEBCDAAF3F}"/>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21" name="text" descr="{&quot;templafy&quot;:{&quot;id&quot;:&quot;9413898d-aded-43b9-9cbf-5ca40bfbcaa0&quot;}}">
            <a:extLst>
              <a:ext uri="{FF2B5EF4-FFF2-40B4-BE49-F238E27FC236}">
                <a16:creationId xmlns:a16="http://schemas.microsoft.com/office/drawing/2014/main" id="{F00CF919-F1E7-4B22-810D-B5FF11DF199E}"/>
              </a:ext>
            </a:extLst>
          </p:cNvPr>
          <p:cNvSpPr txBox="1"/>
          <p:nvPr userDrawn="1"/>
        </p:nvSpPr>
        <p:spPr>
          <a:xfrm>
            <a:off x="7043738" y="4791620"/>
            <a:ext cx="3573462" cy="246221"/>
          </a:xfrm>
          <a:prstGeom prst="rect">
            <a:avLst/>
          </a:prstGeom>
          <a:noFill/>
        </p:spPr>
        <p:txBody>
          <a:bodyPr wrap="square" lIns="0" tIns="0" rIns="0" bIns="0" rtlCol="0">
            <a:spAutoFit/>
          </a:bodyPr>
          <a:lstStyle/>
          <a:p>
            <a:r>
              <a:rPr lang="en-US" sz="1600" b="0" dirty="0">
                <a:solidFill>
                  <a:schemeClr val="tx2"/>
                </a:solidFill>
              </a:rPr>
              <a:t>Nicholas Dickerson</a:t>
            </a:r>
          </a:p>
        </p:txBody>
      </p:sp>
      <p:sp>
        <p:nvSpPr>
          <p:cNvPr id="22" name="text" descr="{&quot;templafy&quot;:{&quot;id&quot;:&quot;36c65ba4-5e3c-43c4-96c8-6ff7cb2cfbd7&quot;}}">
            <a:extLst>
              <a:ext uri="{FF2B5EF4-FFF2-40B4-BE49-F238E27FC236}">
                <a16:creationId xmlns:a16="http://schemas.microsoft.com/office/drawing/2014/main" id="{8424D9F1-11E3-4AA6-8A44-7DE70A57F0D8}"/>
              </a:ext>
            </a:extLst>
          </p:cNvPr>
          <p:cNvSpPr txBox="1"/>
          <p:nvPr userDrawn="1"/>
        </p:nvSpPr>
        <p:spPr>
          <a:xfrm>
            <a:off x="7043738" y="5052588"/>
            <a:ext cx="3573462" cy="246221"/>
          </a:xfrm>
          <a:prstGeom prst="rect">
            <a:avLst/>
          </a:prstGeom>
          <a:noFill/>
        </p:spPr>
        <p:txBody>
          <a:bodyPr wrap="square" lIns="0" tIns="0" rIns="0" bIns="0" rtlCol="0">
            <a:spAutoFit/>
          </a:bodyPr>
          <a:lstStyle/>
          <a:p>
            <a:r>
              <a:rPr lang="en-US" sz="1600" b="0" dirty="0">
                <a:solidFill>
                  <a:schemeClr val="tx2"/>
                </a:solidFill>
              </a:rPr>
              <a:t>nicholas.dickerson@collierseng.com</a:t>
            </a:r>
          </a:p>
        </p:txBody>
      </p:sp>
      <p:cxnSp>
        <p:nvCxnSpPr>
          <p:cNvPr id="12" name="Straight Connector 11">
            <a:extLst>
              <a:ext uri="{FF2B5EF4-FFF2-40B4-BE49-F238E27FC236}">
                <a16:creationId xmlns:a16="http://schemas.microsoft.com/office/drawing/2014/main" id="{22A2939A-00A0-4C21-9393-DADBB5BAC7BF}"/>
              </a:ext>
            </a:extLst>
          </p:cNvPr>
          <p:cNvCxnSpPr/>
          <p:nvPr userDrawn="1"/>
        </p:nvCxnSpPr>
        <p:spPr>
          <a:xfrm>
            <a:off x="11124763" y="274014"/>
            <a:ext cx="0" cy="125517"/>
          </a:xfrm>
          <a:prstGeom prst="line">
            <a:avLst/>
          </a:prstGeom>
          <a:ln w="9525">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318A1C3A-8ED6-490F-A84D-1746F472289A}"/>
              </a:ext>
            </a:extLst>
          </p:cNvPr>
          <p:cNvCxnSpPr>
            <a:cxnSpLocks/>
          </p:cNvCxnSpPr>
          <p:nvPr userDrawn="1"/>
        </p:nvCxnSpPr>
        <p:spPr>
          <a:xfrm flipH="1">
            <a:off x="0" y="6538762"/>
            <a:ext cx="9691690"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818AE996-741F-42C6-B12A-16D74EE52D44}"/>
              </a:ext>
            </a:extLst>
          </p:cNvPr>
          <p:cNvCxnSpPr>
            <a:cxnSpLocks/>
          </p:cNvCxnSpPr>
          <p:nvPr userDrawn="1"/>
        </p:nvCxnSpPr>
        <p:spPr>
          <a:xfrm flipH="1">
            <a:off x="11577512" y="6534000"/>
            <a:ext cx="288996"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64AE0577-D8AA-4F8B-9F4B-0389680206C9}"/>
              </a:ext>
            </a:extLst>
          </p:cNvPr>
          <p:cNvCxnSpPr>
            <a:cxnSpLocks/>
          </p:cNvCxnSpPr>
          <p:nvPr userDrawn="1"/>
        </p:nvCxnSpPr>
        <p:spPr>
          <a:xfrm>
            <a:off x="11868952" y="0"/>
            <a:ext cx="0" cy="6541372"/>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pic>
        <p:nvPicPr>
          <p:cNvPr id="25" name="Graphic 24">
            <a:extLst>
              <a:ext uri="{FF2B5EF4-FFF2-40B4-BE49-F238E27FC236}">
                <a16:creationId xmlns:a16="http://schemas.microsoft.com/office/drawing/2014/main" id="{5A65BBB4-30E9-4145-8860-C95F9F56AE4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691690" y="6364993"/>
            <a:ext cx="1871297" cy="372397"/>
          </a:xfrm>
          <a:prstGeom prst="rect">
            <a:avLst/>
          </a:prstGeom>
        </p:spPr>
      </p:pic>
      <p:sp>
        <p:nvSpPr>
          <p:cNvPr id="27" name="Freeform: Shape 26">
            <a:extLst>
              <a:ext uri="{FF2B5EF4-FFF2-40B4-BE49-F238E27FC236}">
                <a16:creationId xmlns:a16="http://schemas.microsoft.com/office/drawing/2014/main" id="{E2B12355-C7CA-425B-A6F8-813E14F44C92}"/>
              </a:ext>
            </a:extLst>
          </p:cNvPr>
          <p:cNvSpPr/>
          <p:nvPr/>
        </p:nvSpPr>
        <p:spPr>
          <a:xfrm>
            <a:off x="1717184" y="429547"/>
            <a:ext cx="110743" cy="198360"/>
          </a:xfrm>
          <a:custGeom>
            <a:avLst/>
            <a:gdLst>
              <a:gd name="connsiteX0" fmla="*/ 110743 w 110743"/>
              <a:gd name="connsiteY0" fmla="*/ 198360 h 198360"/>
              <a:gd name="connsiteX1" fmla="*/ 0 w 110743"/>
              <a:gd name="connsiteY1" fmla="*/ 198360 h 198360"/>
              <a:gd name="connsiteX2" fmla="*/ 0 w 110743"/>
              <a:gd name="connsiteY2" fmla="*/ 0 h 198360"/>
              <a:gd name="connsiteX3" fmla="*/ 110743 w 110743"/>
              <a:gd name="connsiteY3" fmla="*/ 0 h 198360"/>
              <a:gd name="connsiteX4" fmla="*/ 110743 w 110743"/>
              <a:gd name="connsiteY4" fmla="*/ 20484 h 198360"/>
              <a:gd name="connsiteX5" fmla="*/ 23076 w 110743"/>
              <a:gd name="connsiteY5" fmla="*/ 20484 h 198360"/>
              <a:gd name="connsiteX6" fmla="*/ 23076 w 110743"/>
              <a:gd name="connsiteY6" fmla="*/ 84389 h 198360"/>
              <a:gd name="connsiteX7" fmla="*/ 105397 w 110743"/>
              <a:gd name="connsiteY7" fmla="*/ 84389 h 198360"/>
              <a:gd name="connsiteX8" fmla="*/ 105397 w 110743"/>
              <a:gd name="connsiteY8" fmla="*/ 104764 h 198360"/>
              <a:gd name="connsiteX9" fmla="*/ 23076 w 110743"/>
              <a:gd name="connsiteY9" fmla="*/ 104764 h 198360"/>
              <a:gd name="connsiteX10" fmla="*/ 23076 w 110743"/>
              <a:gd name="connsiteY10" fmla="*/ 177713 h 198360"/>
              <a:gd name="connsiteX11" fmla="*/ 110743 w 110743"/>
              <a:gd name="connsiteY11" fmla="*/ 177713 h 1983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0743" h="198360">
                <a:moveTo>
                  <a:pt x="110743" y="198360"/>
                </a:moveTo>
                <a:lnTo>
                  <a:pt x="0" y="198360"/>
                </a:lnTo>
                <a:lnTo>
                  <a:pt x="0" y="0"/>
                </a:lnTo>
                <a:lnTo>
                  <a:pt x="110743" y="0"/>
                </a:lnTo>
                <a:lnTo>
                  <a:pt x="110743" y="20484"/>
                </a:lnTo>
                <a:lnTo>
                  <a:pt x="23076" y="20484"/>
                </a:lnTo>
                <a:lnTo>
                  <a:pt x="23076" y="84389"/>
                </a:lnTo>
                <a:lnTo>
                  <a:pt x="105397" y="84389"/>
                </a:lnTo>
                <a:lnTo>
                  <a:pt x="105397" y="104764"/>
                </a:lnTo>
                <a:lnTo>
                  <a:pt x="23076" y="104764"/>
                </a:lnTo>
                <a:lnTo>
                  <a:pt x="23076" y="177713"/>
                </a:lnTo>
                <a:lnTo>
                  <a:pt x="110743" y="177713"/>
                </a:lnTo>
                <a:close/>
              </a:path>
            </a:pathLst>
          </a:custGeom>
          <a:solidFill>
            <a:srgbClr val="FFFFFF"/>
          </a:solidFill>
          <a:ln w="5445"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AC6AA03-5DDD-4F47-8F16-76A29E3D231E}"/>
              </a:ext>
            </a:extLst>
          </p:cNvPr>
          <p:cNvSpPr/>
          <p:nvPr/>
        </p:nvSpPr>
        <p:spPr>
          <a:xfrm>
            <a:off x="1868515" y="476502"/>
            <a:ext cx="124436" cy="151405"/>
          </a:xfrm>
          <a:custGeom>
            <a:avLst/>
            <a:gdLst>
              <a:gd name="connsiteX0" fmla="*/ 101906 w 124436"/>
              <a:gd name="connsiteY0" fmla="*/ 151406 h 151405"/>
              <a:gd name="connsiteX1" fmla="*/ 101906 w 124436"/>
              <a:gd name="connsiteY1" fmla="*/ 55195 h 151405"/>
              <a:gd name="connsiteX2" fmla="*/ 93614 w 124436"/>
              <a:gd name="connsiteY2" fmla="*/ 27955 h 151405"/>
              <a:gd name="connsiteX3" fmla="*/ 67646 w 124436"/>
              <a:gd name="connsiteY3" fmla="*/ 19020 h 151405"/>
              <a:gd name="connsiteX4" fmla="*/ 33441 w 124436"/>
              <a:gd name="connsiteY4" fmla="*/ 31659 h 151405"/>
              <a:gd name="connsiteX5" fmla="*/ 22531 w 124436"/>
              <a:gd name="connsiteY5" fmla="*/ 73282 h 151405"/>
              <a:gd name="connsiteX6" fmla="*/ 22531 w 124436"/>
              <a:gd name="connsiteY6" fmla="*/ 151297 h 151405"/>
              <a:gd name="connsiteX7" fmla="*/ 0 w 124436"/>
              <a:gd name="connsiteY7" fmla="*/ 151297 h 151405"/>
              <a:gd name="connsiteX8" fmla="*/ 0 w 124436"/>
              <a:gd name="connsiteY8" fmla="*/ 2731 h 151405"/>
              <a:gd name="connsiteX9" fmla="*/ 18330 w 124436"/>
              <a:gd name="connsiteY9" fmla="*/ 2731 h 151405"/>
              <a:gd name="connsiteX10" fmla="*/ 22039 w 124436"/>
              <a:gd name="connsiteY10" fmla="*/ 23052 h 151405"/>
              <a:gd name="connsiteX11" fmla="*/ 23076 w 124436"/>
              <a:gd name="connsiteY11" fmla="*/ 23052 h 151405"/>
              <a:gd name="connsiteX12" fmla="*/ 42552 w 124436"/>
              <a:gd name="connsiteY12" fmla="*/ 6054 h 151405"/>
              <a:gd name="connsiteX13" fmla="*/ 70374 w 124436"/>
              <a:gd name="connsiteY13" fmla="*/ 7 h 151405"/>
              <a:gd name="connsiteX14" fmla="*/ 110852 w 124436"/>
              <a:gd name="connsiteY14" fmla="*/ 12973 h 151405"/>
              <a:gd name="connsiteX15" fmla="*/ 124436 w 124436"/>
              <a:gd name="connsiteY15" fmla="*/ 54432 h 151405"/>
              <a:gd name="connsiteX16" fmla="*/ 124436 w 124436"/>
              <a:gd name="connsiteY16" fmla="*/ 151406 h 151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4436" h="151405">
                <a:moveTo>
                  <a:pt x="101906" y="151406"/>
                </a:moveTo>
                <a:lnTo>
                  <a:pt x="101906" y="55195"/>
                </a:lnTo>
                <a:cubicBezTo>
                  <a:pt x="102680" y="45394"/>
                  <a:pt x="99718" y="35664"/>
                  <a:pt x="93614" y="27955"/>
                </a:cubicBezTo>
                <a:cubicBezTo>
                  <a:pt x="86609" y="21449"/>
                  <a:pt x="77177" y="18203"/>
                  <a:pt x="67646" y="19020"/>
                </a:cubicBezTo>
                <a:cubicBezTo>
                  <a:pt x="52082" y="19020"/>
                  <a:pt x="40680" y="23233"/>
                  <a:pt x="33441" y="31659"/>
                </a:cubicBezTo>
                <a:cubicBezTo>
                  <a:pt x="26202" y="40087"/>
                  <a:pt x="22569" y="53958"/>
                  <a:pt x="22531" y="73282"/>
                </a:cubicBezTo>
                <a:lnTo>
                  <a:pt x="22531" y="151297"/>
                </a:lnTo>
                <a:lnTo>
                  <a:pt x="0" y="151297"/>
                </a:lnTo>
                <a:lnTo>
                  <a:pt x="0" y="2731"/>
                </a:lnTo>
                <a:lnTo>
                  <a:pt x="18330" y="2731"/>
                </a:lnTo>
                <a:lnTo>
                  <a:pt x="22039" y="23052"/>
                </a:lnTo>
                <a:lnTo>
                  <a:pt x="23076" y="23052"/>
                </a:lnTo>
                <a:cubicBezTo>
                  <a:pt x="27822" y="15656"/>
                  <a:pt x="34576" y="9761"/>
                  <a:pt x="42552" y="6054"/>
                </a:cubicBezTo>
                <a:cubicBezTo>
                  <a:pt x="51236" y="1935"/>
                  <a:pt x="60756" y="-134"/>
                  <a:pt x="70374" y="7"/>
                </a:cubicBezTo>
                <a:cubicBezTo>
                  <a:pt x="88305" y="7"/>
                  <a:pt x="101797" y="4329"/>
                  <a:pt x="110852" y="12973"/>
                </a:cubicBezTo>
                <a:cubicBezTo>
                  <a:pt x="119908" y="21617"/>
                  <a:pt x="124436" y="35435"/>
                  <a:pt x="124436" y="54432"/>
                </a:cubicBezTo>
                <a:lnTo>
                  <a:pt x="124436" y="151406"/>
                </a:lnTo>
                <a:close/>
              </a:path>
            </a:pathLst>
          </a:custGeom>
          <a:solidFill>
            <a:srgbClr val="FFFFFF"/>
          </a:solidFill>
          <a:ln w="5445" cap="flat">
            <a:noFill/>
            <a:prstDash val="solid"/>
            <a:miter/>
          </a:ln>
        </p:spPr>
        <p:txBody>
          <a:bodyPr rtlCol="0" anchor="ctr"/>
          <a:lstStyle/>
          <a:p>
            <a:endParaRPr lang="en-US"/>
          </a:p>
        </p:txBody>
      </p:sp>
      <p:sp>
        <p:nvSpPr>
          <p:cNvPr id="29" name="Freeform: Shape 28">
            <a:extLst>
              <a:ext uri="{FF2B5EF4-FFF2-40B4-BE49-F238E27FC236}">
                <a16:creationId xmlns:a16="http://schemas.microsoft.com/office/drawing/2014/main" id="{317164B3-D286-44E9-B45A-55E3B1396BCD}"/>
              </a:ext>
            </a:extLst>
          </p:cNvPr>
          <p:cNvSpPr/>
          <p:nvPr/>
        </p:nvSpPr>
        <p:spPr>
          <a:xfrm>
            <a:off x="2020911" y="476500"/>
            <a:ext cx="140228" cy="218145"/>
          </a:xfrm>
          <a:custGeom>
            <a:avLst/>
            <a:gdLst>
              <a:gd name="connsiteX0" fmla="*/ 140228 w 140228"/>
              <a:gd name="connsiteY0" fmla="*/ 2733 h 218145"/>
              <a:gd name="connsiteX1" fmla="*/ 140228 w 140228"/>
              <a:gd name="connsiteY1" fmla="*/ 16952 h 218145"/>
              <a:gd name="connsiteX2" fmla="*/ 112951 w 140228"/>
              <a:gd name="connsiteY2" fmla="*/ 20221 h 218145"/>
              <a:gd name="connsiteX3" fmla="*/ 122717 w 140228"/>
              <a:gd name="connsiteY3" fmla="*/ 49912 h 218145"/>
              <a:gd name="connsiteX4" fmla="*/ 107769 w 140228"/>
              <a:gd name="connsiteY4" fmla="*/ 84779 h 218145"/>
              <a:gd name="connsiteX5" fmla="*/ 66745 w 140228"/>
              <a:gd name="connsiteY5" fmla="*/ 97800 h 218145"/>
              <a:gd name="connsiteX6" fmla="*/ 54252 w 140228"/>
              <a:gd name="connsiteY6" fmla="*/ 96710 h 218145"/>
              <a:gd name="connsiteX7" fmla="*/ 39850 w 140228"/>
              <a:gd name="connsiteY7" fmla="*/ 115887 h 218145"/>
              <a:gd name="connsiteX8" fmla="*/ 44869 w 140228"/>
              <a:gd name="connsiteY8" fmla="*/ 124876 h 218145"/>
              <a:gd name="connsiteX9" fmla="*/ 62108 w 140228"/>
              <a:gd name="connsiteY9" fmla="*/ 127818 h 218145"/>
              <a:gd name="connsiteX10" fmla="*/ 88457 w 140228"/>
              <a:gd name="connsiteY10" fmla="*/ 127818 h 218145"/>
              <a:gd name="connsiteX11" fmla="*/ 125608 w 140228"/>
              <a:gd name="connsiteY11" fmla="*/ 138006 h 218145"/>
              <a:gd name="connsiteX12" fmla="*/ 138592 w 140228"/>
              <a:gd name="connsiteY12" fmla="*/ 167534 h 218145"/>
              <a:gd name="connsiteX13" fmla="*/ 118789 w 140228"/>
              <a:gd name="connsiteY13" fmla="*/ 205179 h 218145"/>
              <a:gd name="connsiteX14" fmla="*/ 60908 w 140228"/>
              <a:gd name="connsiteY14" fmla="*/ 218145 h 218145"/>
              <a:gd name="connsiteX15" fmla="*/ 15847 w 140228"/>
              <a:gd name="connsiteY15" fmla="*/ 207249 h 218145"/>
              <a:gd name="connsiteX16" fmla="*/ 26 w 140228"/>
              <a:gd name="connsiteY16" fmla="*/ 176577 h 218145"/>
              <a:gd name="connsiteX17" fmla="*/ 8755 w 140228"/>
              <a:gd name="connsiteY17" fmla="*/ 153097 h 218145"/>
              <a:gd name="connsiteX18" fmla="*/ 33195 w 140228"/>
              <a:gd name="connsiteY18" fmla="*/ 139695 h 218145"/>
              <a:gd name="connsiteX19" fmla="*/ 23593 w 140228"/>
              <a:gd name="connsiteY19" fmla="*/ 131686 h 218145"/>
              <a:gd name="connsiteX20" fmla="*/ 19720 w 140228"/>
              <a:gd name="connsiteY20" fmla="*/ 119047 h 218145"/>
              <a:gd name="connsiteX21" fmla="*/ 24084 w 140228"/>
              <a:gd name="connsiteY21" fmla="*/ 104828 h 218145"/>
              <a:gd name="connsiteX22" fmla="*/ 37777 w 140228"/>
              <a:gd name="connsiteY22" fmla="*/ 93006 h 218145"/>
              <a:gd name="connsiteX23" fmla="*/ 19011 w 140228"/>
              <a:gd name="connsiteY23" fmla="*/ 76662 h 218145"/>
              <a:gd name="connsiteX24" fmla="*/ 11701 w 140228"/>
              <a:gd name="connsiteY24" fmla="*/ 50620 h 218145"/>
              <a:gd name="connsiteX25" fmla="*/ 26212 w 140228"/>
              <a:gd name="connsiteY25" fmla="*/ 13247 h 218145"/>
              <a:gd name="connsiteX26" fmla="*/ 67781 w 140228"/>
              <a:gd name="connsiteY26" fmla="*/ 9 h 218145"/>
              <a:gd name="connsiteX27" fmla="*/ 88839 w 140228"/>
              <a:gd name="connsiteY27" fmla="*/ 2733 h 218145"/>
              <a:gd name="connsiteX28" fmla="*/ 21520 w 140228"/>
              <a:gd name="connsiteY28" fmla="*/ 176360 h 218145"/>
              <a:gd name="connsiteX29" fmla="*/ 31667 w 140228"/>
              <a:gd name="connsiteY29" fmla="*/ 194665 h 218145"/>
              <a:gd name="connsiteX30" fmla="*/ 60908 w 140228"/>
              <a:gd name="connsiteY30" fmla="*/ 200930 h 218145"/>
              <a:gd name="connsiteX31" fmla="*/ 102968 w 140228"/>
              <a:gd name="connsiteY31" fmla="*/ 192431 h 218145"/>
              <a:gd name="connsiteX32" fmla="*/ 116607 w 140228"/>
              <a:gd name="connsiteY32" fmla="*/ 169441 h 218145"/>
              <a:gd name="connsiteX33" fmla="*/ 109133 w 140228"/>
              <a:gd name="connsiteY33" fmla="*/ 152715 h 218145"/>
              <a:gd name="connsiteX34" fmla="*/ 80983 w 140228"/>
              <a:gd name="connsiteY34" fmla="*/ 148030 h 218145"/>
              <a:gd name="connsiteX35" fmla="*/ 53707 w 140228"/>
              <a:gd name="connsiteY35" fmla="*/ 148030 h 218145"/>
              <a:gd name="connsiteX36" fmla="*/ 29812 w 140228"/>
              <a:gd name="connsiteY36" fmla="*/ 155330 h 218145"/>
              <a:gd name="connsiteX37" fmla="*/ 21520 w 140228"/>
              <a:gd name="connsiteY37" fmla="*/ 176360 h 218145"/>
              <a:gd name="connsiteX38" fmla="*/ 33740 w 140228"/>
              <a:gd name="connsiteY38" fmla="*/ 50348 h 218145"/>
              <a:gd name="connsiteX39" fmla="*/ 42578 w 140228"/>
              <a:gd name="connsiteY39" fmla="*/ 73938 h 218145"/>
              <a:gd name="connsiteX40" fmla="*/ 67127 w 140228"/>
              <a:gd name="connsiteY40" fmla="*/ 81946 h 218145"/>
              <a:gd name="connsiteX41" fmla="*/ 100186 w 140228"/>
              <a:gd name="connsiteY41" fmla="*/ 49912 h 218145"/>
              <a:gd name="connsiteX42" fmla="*/ 66745 w 140228"/>
              <a:gd name="connsiteY42" fmla="*/ 16407 h 218145"/>
              <a:gd name="connsiteX43" fmla="*/ 42578 w 140228"/>
              <a:gd name="connsiteY43" fmla="*/ 24961 h 218145"/>
              <a:gd name="connsiteX44" fmla="*/ 33740 w 140228"/>
              <a:gd name="connsiteY44" fmla="*/ 50348 h 2181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140228" h="218145">
                <a:moveTo>
                  <a:pt x="140228" y="2733"/>
                </a:moveTo>
                <a:lnTo>
                  <a:pt x="140228" y="16952"/>
                </a:lnTo>
                <a:lnTo>
                  <a:pt x="112951" y="20221"/>
                </a:lnTo>
                <a:cubicBezTo>
                  <a:pt x="119378" y="28780"/>
                  <a:pt x="122809" y="39212"/>
                  <a:pt x="122717" y="49912"/>
                </a:cubicBezTo>
                <a:cubicBezTo>
                  <a:pt x="123322" y="63205"/>
                  <a:pt x="117818" y="76046"/>
                  <a:pt x="107769" y="84779"/>
                </a:cubicBezTo>
                <a:cubicBezTo>
                  <a:pt x="96176" y="94035"/>
                  <a:pt x="81561" y="98677"/>
                  <a:pt x="66745" y="97800"/>
                </a:cubicBezTo>
                <a:cubicBezTo>
                  <a:pt x="62555" y="97838"/>
                  <a:pt x="58371" y="97473"/>
                  <a:pt x="54252" y="96710"/>
                </a:cubicBezTo>
                <a:cubicBezTo>
                  <a:pt x="44651" y="101761"/>
                  <a:pt x="39850" y="108151"/>
                  <a:pt x="39850" y="115887"/>
                </a:cubicBezTo>
                <a:cubicBezTo>
                  <a:pt x="39675" y="119592"/>
                  <a:pt x="41618" y="123078"/>
                  <a:pt x="44869" y="124876"/>
                </a:cubicBezTo>
                <a:cubicBezTo>
                  <a:pt x="50292" y="127241"/>
                  <a:pt x="56205" y="128254"/>
                  <a:pt x="62108" y="127818"/>
                </a:cubicBezTo>
                <a:lnTo>
                  <a:pt x="88457" y="127818"/>
                </a:lnTo>
                <a:cubicBezTo>
                  <a:pt x="104605" y="127818"/>
                  <a:pt x="116989" y="131212"/>
                  <a:pt x="125608" y="138006"/>
                </a:cubicBezTo>
                <a:cubicBezTo>
                  <a:pt x="134462" y="145175"/>
                  <a:pt x="139301" y="156175"/>
                  <a:pt x="138592" y="167534"/>
                </a:cubicBezTo>
                <a:cubicBezTo>
                  <a:pt x="139263" y="182728"/>
                  <a:pt x="131696" y="197111"/>
                  <a:pt x="118789" y="205179"/>
                </a:cubicBezTo>
                <a:cubicBezTo>
                  <a:pt x="105516" y="213858"/>
                  <a:pt x="86220" y="218184"/>
                  <a:pt x="60908" y="218145"/>
                </a:cubicBezTo>
                <a:cubicBezTo>
                  <a:pt x="41448" y="218145"/>
                  <a:pt x="26430" y="214512"/>
                  <a:pt x="15847" y="207249"/>
                </a:cubicBezTo>
                <a:cubicBezTo>
                  <a:pt x="5558" y="200499"/>
                  <a:pt x="-448" y="188863"/>
                  <a:pt x="26" y="176577"/>
                </a:cubicBezTo>
                <a:cubicBezTo>
                  <a:pt x="-127" y="167932"/>
                  <a:pt x="2994" y="159547"/>
                  <a:pt x="8755" y="153097"/>
                </a:cubicBezTo>
                <a:cubicBezTo>
                  <a:pt x="15236" y="146107"/>
                  <a:pt x="23811" y="141405"/>
                  <a:pt x="33195" y="139695"/>
                </a:cubicBezTo>
                <a:cubicBezTo>
                  <a:pt x="29349" y="137913"/>
                  <a:pt x="26032" y="135151"/>
                  <a:pt x="23593" y="131686"/>
                </a:cubicBezTo>
                <a:cubicBezTo>
                  <a:pt x="20991" y="127992"/>
                  <a:pt x="19638" y="123563"/>
                  <a:pt x="19720" y="119047"/>
                </a:cubicBezTo>
                <a:cubicBezTo>
                  <a:pt x="19627" y="113964"/>
                  <a:pt x="21155" y="108985"/>
                  <a:pt x="24084" y="104828"/>
                </a:cubicBezTo>
                <a:cubicBezTo>
                  <a:pt x="27816" y="100017"/>
                  <a:pt x="32474" y="95997"/>
                  <a:pt x="37777" y="93006"/>
                </a:cubicBezTo>
                <a:cubicBezTo>
                  <a:pt x="29938" y="89693"/>
                  <a:pt x="23364" y="83967"/>
                  <a:pt x="19011" y="76662"/>
                </a:cubicBezTo>
                <a:cubicBezTo>
                  <a:pt x="14095" y="68871"/>
                  <a:pt x="11559" y="59828"/>
                  <a:pt x="11701" y="50620"/>
                </a:cubicBezTo>
                <a:cubicBezTo>
                  <a:pt x="10871" y="36646"/>
                  <a:pt x="16168" y="23007"/>
                  <a:pt x="26212" y="13247"/>
                </a:cubicBezTo>
                <a:cubicBezTo>
                  <a:pt x="36031" y="4422"/>
                  <a:pt x="49888" y="9"/>
                  <a:pt x="67781" y="9"/>
                </a:cubicBezTo>
                <a:cubicBezTo>
                  <a:pt x="74895" y="-101"/>
                  <a:pt x="81987" y="816"/>
                  <a:pt x="88839" y="2733"/>
                </a:cubicBezTo>
                <a:close/>
                <a:moveTo>
                  <a:pt x="21520" y="176360"/>
                </a:moveTo>
                <a:cubicBezTo>
                  <a:pt x="21220" y="183872"/>
                  <a:pt x="25132" y="190933"/>
                  <a:pt x="31667" y="194665"/>
                </a:cubicBezTo>
                <a:cubicBezTo>
                  <a:pt x="40663" y="199361"/>
                  <a:pt x="50772" y="201529"/>
                  <a:pt x="60908" y="200930"/>
                </a:cubicBezTo>
                <a:cubicBezTo>
                  <a:pt x="79821" y="200930"/>
                  <a:pt x="93841" y="198097"/>
                  <a:pt x="102968" y="192431"/>
                </a:cubicBezTo>
                <a:cubicBezTo>
                  <a:pt x="111408" y="187860"/>
                  <a:pt x="116645" y="179029"/>
                  <a:pt x="116607" y="169441"/>
                </a:cubicBezTo>
                <a:cubicBezTo>
                  <a:pt x="117321" y="162925"/>
                  <a:pt x="114468" y="156534"/>
                  <a:pt x="109133" y="152715"/>
                </a:cubicBezTo>
                <a:cubicBezTo>
                  <a:pt x="104168" y="149556"/>
                  <a:pt x="94785" y="148030"/>
                  <a:pt x="80983" y="148030"/>
                </a:cubicBezTo>
                <a:lnTo>
                  <a:pt x="53707" y="148030"/>
                </a:lnTo>
                <a:cubicBezTo>
                  <a:pt x="45120" y="147502"/>
                  <a:pt x="36631" y="150095"/>
                  <a:pt x="29812" y="155330"/>
                </a:cubicBezTo>
                <a:cubicBezTo>
                  <a:pt x="24008" y="160729"/>
                  <a:pt x="20958" y="168460"/>
                  <a:pt x="21520" y="176360"/>
                </a:cubicBezTo>
                <a:close/>
                <a:moveTo>
                  <a:pt x="33740" y="50348"/>
                </a:moveTo>
                <a:cubicBezTo>
                  <a:pt x="33113" y="59119"/>
                  <a:pt x="36337" y="67733"/>
                  <a:pt x="42578" y="73938"/>
                </a:cubicBezTo>
                <a:cubicBezTo>
                  <a:pt x="49446" y="79620"/>
                  <a:pt x="58224" y="82480"/>
                  <a:pt x="67127" y="81946"/>
                </a:cubicBezTo>
                <a:cubicBezTo>
                  <a:pt x="89166" y="81946"/>
                  <a:pt x="100186" y="71268"/>
                  <a:pt x="100186" y="49912"/>
                </a:cubicBezTo>
                <a:cubicBezTo>
                  <a:pt x="100186" y="27576"/>
                  <a:pt x="89041" y="16407"/>
                  <a:pt x="66745" y="16407"/>
                </a:cubicBezTo>
                <a:cubicBezTo>
                  <a:pt x="57858" y="15858"/>
                  <a:pt x="49135" y="18946"/>
                  <a:pt x="42578" y="24961"/>
                </a:cubicBezTo>
                <a:cubicBezTo>
                  <a:pt x="36304" y="31875"/>
                  <a:pt x="33113" y="41037"/>
                  <a:pt x="33740" y="50348"/>
                </a:cubicBezTo>
                <a:close/>
              </a:path>
            </a:pathLst>
          </a:custGeom>
          <a:solidFill>
            <a:srgbClr val="FFFFFF"/>
          </a:solidFill>
          <a:ln w="5445" cap="flat">
            <a:no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8D46EE23-3D53-4E99-AEA9-DB467220189C}"/>
              </a:ext>
            </a:extLst>
          </p:cNvPr>
          <p:cNvSpPr/>
          <p:nvPr/>
        </p:nvSpPr>
        <p:spPr>
          <a:xfrm>
            <a:off x="2189777" y="423958"/>
            <a:ext cx="26728" cy="203950"/>
          </a:xfrm>
          <a:custGeom>
            <a:avLst/>
            <a:gdLst>
              <a:gd name="connsiteX0" fmla="*/ 57 w 26728"/>
              <a:gd name="connsiteY0" fmla="*/ 14960 h 203950"/>
              <a:gd name="connsiteX1" fmla="*/ 3821 w 26728"/>
              <a:gd name="connsiteY1" fmla="*/ 3628 h 203950"/>
              <a:gd name="connsiteX2" fmla="*/ 22696 w 26728"/>
              <a:gd name="connsiteY2" fmla="*/ 3628 h 203950"/>
              <a:gd name="connsiteX3" fmla="*/ 26679 w 26728"/>
              <a:gd name="connsiteY3" fmla="*/ 14906 h 203950"/>
              <a:gd name="connsiteX4" fmla="*/ 22696 w 26728"/>
              <a:gd name="connsiteY4" fmla="*/ 26237 h 203950"/>
              <a:gd name="connsiteX5" fmla="*/ 3821 w 26728"/>
              <a:gd name="connsiteY5" fmla="*/ 26237 h 203950"/>
              <a:gd name="connsiteX6" fmla="*/ 57 w 26728"/>
              <a:gd name="connsiteY6" fmla="*/ 14960 h 203950"/>
              <a:gd name="connsiteX7" fmla="*/ 24497 w 26728"/>
              <a:gd name="connsiteY7" fmla="*/ 203950 h 203950"/>
              <a:gd name="connsiteX8" fmla="*/ 1912 w 26728"/>
              <a:gd name="connsiteY8" fmla="*/ 203950 h 203950"/>
              <a:gd name="connsiteX9" fmla="*/ 1912 w 26728"/>
              <a:gd name="connsiteY9" fmla="*/ 55275 h 203950"/>
              <a:gd name="connsiteX10" fmla="*/ 24497 w 26728"/>
              <a:gd name="connsiteY10" fmla="*/ 55275 h 2039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6728" h="203950">
                <a:moveTo>
                  <a:pt x="57" y="14960"/>
                </a:moveTo>
                <a:cubicBezTo>
                  <a:pt x="-303" y="10827"/>
                  <a:pt x="1061" y="6728"/>
                  <a:pt x="3821" y="3628"/>
                </a:cubicBezTo>
                <a:cubicBezTo>
                  <a:pt x="9178" y="-1209"/>
                  <a:pt x="17339" y="-1209"/>
                  <a:pt x="22696" y="3628"/>
                </a:cubicBezTo>
                <a:cubicBezTo>
                  <a:pt x="25577" y="6647"/>
                  <a:pt x="27022" y="10751"/>
                  <a:pt x="26679" y="14906"/>
                </a:cubicBezTo>
                <a:cubicBezTo>
                  <a:pt x="27017" y="19076"/>
                  <a:pt x="25571" y="23194"/>
                  <a:pt x="22696" y="26237"/>
                </a:cubicBezTo>
                <a:cubicBezTo>
                  <a:pt x="17410" y="31260"/>
                  <a:pt x="9107" y="31260"/>
                  <a:pt x="3821" y="26237"/>
                </a:cubicBezTo>
                <a:cubicBezTo>
                  <a:pt x="1104" y="23135"/>
                  <a:pt x="-254" y="19071"/>
                  <a:pt x="57" y="14960"/>
                </a:cubicBezTo>
                <a:close/>
                <a:moveTo>
                  <a:pt x="24497" y="203950"/>
                </a:moveTo>
                <a:lnTo>
                  <a:pt x="1912" y="203950"/>
                </a:lnTo>
                <a:lnTo>
                  <a:pt x="1912" y="55275"/>
                </a:lnTo>
                <a:lnTo>
                  <a:pt x="24497" y="55275"/>
                </a:lnTo>
                <a:close/>
              </a:path>
            </a:pathLst>
          </a:custGeom>
          <a:solidFill>
            <a:srgbClr val="FFFFFF"/>
          </a:solidFill>
          <a:ln w="5445" cap="flat">
            <a:no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DDC02704-953D-49E7-BEAD-F5111C5DDCF0}"/>
              </a:ext>
            </a:extLst>
          </p:cNvPr>
          <p:cNvSpPr/>
          <p:nvPr/>
        </p:nvSpPr>
        <p:spPr>
          <a:xfrm>
            <a:off x="2262063" y="476503"/>
            <a:ext cx="124436" cy="151405"/>
          </a:xfrm>
          <a:custGeom>
            <a:avLst/>
            <a:gdLst>
              <a:gd name="connsiteX0" fmla="*/ 101906 w 124436"/>
              <a:gd name="connsiteY0" fmla="*/ 151405 h 151405"/>
              <a:gd name="connsiteX1" fmla="*/ 101906 w 124436"/>
              <a:gd name="connsiteY1" fmla="*/ 55194 h 151405"/>
              <a:gd name="connsiteX2" fmla="*/ 93614 w 124436"/>
              <a:gd name="connsiteY2" fmla="*/ 27954 h 151405"/>
              <a:gd name="connsiteX3" fmla="*/ 67701 w 124436"/>
              <a:gd name="connsiteY3" fmla="*/ 19020 h 151405"/>
              <a:gd name="connsiteX4" fmla="*/ 33441 w 124436"/>
              <a:gd name="connsiteY4" fmla="*/ 31659 h 151405"/>
              <a:gd name="connsiteX5" fmla="*/ 22531 w 124436"/>
              <a:gd name="connsiteY5" fmla="*/ 73281 h 151405"/>
              <a:gd name="connsiteX6" fmla="*/ 22531 w 124436"/>
              <a:gd name="connsiteY6" fmla="*/ 151296 h 151405"/>
              <a:gd name="connsiteX7" fmla="*/ 0 w 124436"/>
              <a:gd name="connsiteY7" fmla="*/ 151296 h 151405"/>
              <a:gd name="connsiteX8" fmla="*/ 0 w 124436"/>
              <a:gd name="connsiteY8" fmla="*/ 2730 h 151405"/>
              <a:gd name="connsiteX9" fmla="*/ 18384 w 124436"/>
              <a:gd name="connsiteY9" fmla="*/ 2730 h 151405"/>
              <a:gd name="connsiteX10" fmla="*/ 22040 w 124436"/>
              <a:gd name="connsiteY10" fmla="*/ 23051 h 151405"/>
              <a:gd name="connsiteX11" fmla="*/ 23131 w 124436"/>
              <a:gd name="connsiteY11" fmla="*/ 23051 h 151405"/>
              <a:gd name="connsiteX12" fmla="*/ 42552 w 124436"/>
              <a:gd name="connsiteY12" fmla="*/ 6053 h 151405"/>
              <a:gd name="connsiteX13" fmla="*/ 70374 w 124436"/>
              <a:gd name="connsiteY13" fmla="*/ 6 h 151405"/>
              <a:gd name="connsiteX14" fmla="*/ 110852 w 124436"/>
              <a:gd name="connsiteY14" fmla="*/ 12972 h 151405"/>
              <a:gd name="connsiteX15" fmla="*/ 124436 w 124436"/>
              <a:gd name="connsiteY15" fmla="*/ 54431 h 151405"/>
              <a:gd name="connsiteX16" fmla="*/ 124436 w 124436"/>
              <a:gd name="connsiteY16" fmla="*/ 151405 h 151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4436" h="151405">
                <a:moveTo>
                  <a:pt x="101906" y="151405"/>
                </a:moveTo>
                <a:lnTo>
                  <a:pt x="101906" y="55194"/>
                </a:lnTo>
                <a:cubicBezTo>
                  <a:pt x="102680" y="45393"/>
                  <a:pt x="99718" y="35663"/>
                  <a:pt x="93614" y="27954"/>
                </a:cubicBezTo>
                <a:cubicBezTo>
                  <a:pt x="86625" y="21457"/>
                  <a:pt x="77215" y="18212"/>
                  <a:pt x="67701" y="19020"/>
                </a:cubicBezTo>
                <a:cubicBezTo>
                  <a:pt x="52099" y="19020"/>
                  <a:pt x="40680" y="23232"/>
                  <a:pt x="33441" y="31659"/>
                </a:cubicBezTo>
                <a:cubicBezTo>
                  <a:pt x="26202" y="40087"/>
                  <a:pt x="22569" y="53957"/>
                  <a:pt x="22531" y="73281"/>
                </a:cubicBezTo>
                <a:lnTo>
                  <a:pt x="22531" y="151296"/>
                </a:lnTo>
                <a:lnTo>
                  <a:pt x="0" y="151296"/>
                </a:lnTo>
                <a:lnTo>
                  <a:pt x="0" y="2730"/>
                </a:lnTo>
                <a:lnTo>
                  <a:pt x="18384" y="2730"/>
                </a:lnTo>
                <a:lnTo>
                  <a:pt x="22040" y="23051"/>
                </a:lnTo>
                <a:lnTo>
                  <a:pt x="23131" y="23051"/>
                </a:lnTo>
                <a:cubicBezTo>
                  <a:pt x="27839" y="15645"/>
                  <a:pt x="34581" y="9745"/>
                  <a:pt x="42552" y="6053"/>
                </a:cubicBezTo>
                <a:cubicBezTo>
                  <a:pt x="51242" y="1940"/>
                  <a:pt x="60761" y="-128"/>
                  <a:pt x="70374" y="6"/>
                </a:cubicBezTo>
                <a:cubicBezTo>
                  <a:pt x="88306" y="6"/>
                  <a:pt x="101797" y="4328"/>
                  <a:pt x="110852" y="12972"/>
                </a:cubicBezTo>
                <a:cubicBezTo>
                  <a:pt x="119908" y="21617"/>
                  <a:pt x="124436" y="35434"/>
                  <a:pt x="124436" y="54431"/>
                </a:cubicBezTo>
                <a:lnTo>
                  <a:pt x="124436" y="151405"/>
                </a:lnTo>
                <a:close/>
              </a:path>
            </a:pathLst>
          </a:custGeom>
          <a:solidFill>
            <a:srgbClr val="FFFFFF"/>
          </a:solidFill>
          <a:ln w="5445" cap="flat">
            <a:no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0F34C3BA-3E8D-4BEB-8B13-332EBE257650}"/>
              </a:ext>
            </a:extLst>
          </p:cNvPr>
          <p:cNvSpPr/>
          <p:nvPr/>
        </p:nvSpPr>
        <p:spPr>
          <a:xfrm>
            <a:off x="2424577" y="476608"/>
            <a:ext cx="126036" cy="154201"/>
          </a:xfrm>
          <a:custGeom>
            <a:avLst/>
            <a:gdLst>
              <a:gd name="connsiteX0" fmla="*/ 71192 w 126036"/>
              <a:gd name="connsiteY0" fmla="*/ 154188 h 154201"/>
              <a:gd name="connsiteX1" fmla="*/ 19039 w 126036"/>
              <a:gd name="connsiteY1" fmla="*/ 134085 h 154201"/>
              <a:gd name="connsiteX2" fmla="*/ 0 w 126036"/>
              <a:gd name="connsiteY2" fmla="*/ 78352 h 154201"/>
              <a:gd name="connsiteX3" fmla="*/ 17730 w 126036"/>
              <a:gd name="connsiteY3" fmla="*/ 21203 h 154201"/>
              <a:gd name="connsiteX4" fmla="*/ 65300 w 126036"/>
              <a:gd name="connsiteY4" fmla="*/ 65 h 154201"/>
              <a:gd name="connsiteX5" fmla="*/ 109598 w 126036"/>
              <a:gd name="connsiteY5" fmla="*/ 18424 h 154201"/>
              <a:gd name="connsiteX6" fmla="*/ 125964 w 126036"/>
              <a:gd name="connsiteY6" fmla="*/ 66966 h 154201"/>
              <a:gd name="connsiteX7" fmla="*/ 125964 w 126036"/>
              <a:gd name="connsiteY7" fmla="*/ 81185 h 154201"/>
              <a:gd name="connsiteX8" fmla="*/ 23403 w 126036"/>
              <a:gd name="connsiteY8" fmla="*/ 81185 h 154201"/>
              <a:gd name="connsiteX9" fmla="*/ 36660 w 126036"/>
              <a:gd name="connsiteY9" fmla="*/ 120955 h 154201"/>
              <a:gd name="connsiteX10" fmla="*/ 72065 w 126036"/>
              <a:gd name="connsiteY10" fmla="*/ 134520 h 154201"/>
              <a:gd name="connsiteX11" fmla="*/ 119581 w 126036"/>
              <a:gd name="connsiteY11" fmla="*/ 124442 h 154201"/>
              <a:gd name="connsiteX12" fmla="*/ 119581 w 126036"/>
              <a:gd name="connsiteY12" fmla="*/ 144545 h 154201"/>
              <a:gd name="connsiteX13" fmla="*/ 96941 w 126036"/>
              <a:gd name="connsiteY13" fmla="*/ 151954 h 154201"/>
              <a:gd name="connsiteX14" fmla="*/ 71192 w 126036"/>
              <a:gd name="connsiteY14" fmla="*/ 154188 h 154201"/>
              <a:gd name="connsiteX15" fmla="*/ 65027 w 126036"/>
              <a:gd name="connsiteY15" fmla="*/ 18915 h 154201"/>
              <a:gd name="connsiteX16" fmla="*/ 36442 w 126036"/>
              <a:gd name="connsiteY16" fmla="*/ 30573 h 154201"/>
              <a:gd name="connsiteX17" fmla="*/ 23894 w 126036"/>
              <a:gd name="connsiteY17" fmla="*/ 62880 h 154201"/>
              <a:gd name="connsiteX18" fmla="*/ 101742 w 126036"/>
              <a:gd name="connsiteY18" fmla="*/ 62880 h 154201"/>
              <a:gd name="connsiteX19" fmla="*/ 92250 w 126036"/>
              <a:gd name="connsiteY19" fmla="*/ 30192 h 154201"/>
              <a:gd name="connsiteX20" fmla="*/ 65027 w 126036"/>
              <a:gd name="connsiteY20" fmla="*/ 18751 h 154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26036" h="154201">
                <a:moveTo>
                  <a:pt x="71192" y="154188"/>
                </a:moveTo>
                <a:cubicBezTo>
                  <a:pt x="49153" y="154188"/>
                  <a:pt x="31766" y="147487"/>
                  <a:pt x="19039" y="134085"/>
                </a:cubicBezTo>
                <a:cubicBezTo>
                  <a:pt x="6328" y="120737"/>
                  <a:pt x="0" y="102105"/>
                  <a:pt x="0" y="78352"/>
                </a:cubicBezTo>
                <a:cubicBezTo>
                  <a:pt x="0" y="54599"/>
                  <a:pt x="5892" y="35313"/>
                  <a:pt x="17730" y="21203"/>
                </a:cubicBezTo>
                <a:cubicBezTo>
                  <a:pt x="29426" y="7142"/>
                  <a:pt x="47014" y="-674"/>
                  <a:pt x="65300" y="65"/>
                </a:cubicBezTo>
                <a:cubicBezTo>
                  <a:pt x="82070" y="-740"/>
                  <a:pt x="98327" y="5996"/>
                  <a:pt x="109598" y="18424"/>
                </a:cubicBezTo>
                <a:cubicBezTo>
                  <a:pt x="120928" y="31999"/>
                  <a:pt x="126766" y="49314"/>
                  <a:pt x="125964" y="66966"/>
                </a:cubicBezTo>
                <a:lnTo>
                  <a:pt x="125964" y="81185"/>
                </a:lnTo>
                <a:lnTo>
                  <a:pt x="23403" y="81185"/>
                </a:lnTo>
                <a:cubicBezTo>
                  <a:pt x="23840" y="98618"/>
                  <a:pt x="28259" y="111911"/>
                  <a:pt x="36660" y="120955"/>
                </a:cubicBezTo>
                <a:cubicBezTo>
                  <a:pt x="45945" y="130375"/>
                  <a:pt x="58852" y="135321"/>
                  <a:pt x="72065" y="134520"/>
                </a:cubicBezTo>
                <a:cubicBezTo>
                  <a:pt x="88425" y="134428"/>
                  <a:pt x="104595" y="131001"/>
                  <a:pt x="119581" y="124442"/>
                </a:cubicBezTo>
                <a:lnTo>
                  <a:pt x="119581" y="144545"/>
                </a:lnTo>
                <a:cubicBezTo>
                  <a:pt x="112298" y="147748"/>
                  <a:pt x="104715" y="150232"/>
                  <a:pt x="96941" y="151954"/>
                </a:cubicBezTo>
                <a:cubicBezTo>
                  <a:pt x="88453" y="153561"/>
                  <a:pt x="79828" y="154313"/>
                  <a:pt x="71192" y="154188"/>
                </a:cubicBezTo>
                <a:close/>
                <a:moveTo>
                  <a:pt x="65027" y="18915"/>
                </a:moveTo>
                <a:cubicBezTo>
                  <a:pt x="54248" y="18431"/>
                  <a:pt x="43801" y="22692"/>
                  <a:pt x="36442" y="30573"/>
                </a:cubicBezTo>
                <a:cubicBezTo>
                  <a:pt x="28815" y="39671"/>
                  <a:pt x="24407" y="51025"/>
                  <a:pt x="23894" y="62880"/>
                </a:cubicBezTo>
                <a:lnTo>
                  <a:pt x="101742" y="62880"/>
                </a:lnTo>
                <a:cubicBezTo>
                  <a:pt x="102538" y="51205"/>
                  <a:pt x="99178" y="39628"/>
                  <a:pt x="92250" y="30192"/>
                </a:cubicBezTo>
                <a:cubicBezTo>
                  <a:pt x="85436" y="22381"/>
                  <a:pt x="75387" y="18157"/>
                  <a:pt x="65027" y="18751"/>
                </a:cubicBezTo>
                <a:close/>
              </a:path>
            </a:pathLst>
          </a:custGeom>
          <a:solidFill>
            <a:srgbClr val="FFFFFF"/>
          </a:solidFill>
          <a:ln w="5445" cap="flat">
            <a:no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1FC553A7-58C3-438E-9BB5-E541258996C5}"/>
              </a:ext>
            </a:extLst>
          </p:cNvPr>
          <p:cNvSpPr/>
          <p:nvPr/>
        </p:nvSpPr>
        <p:spPr>
          <a:xfrm>
            <a:off x="2580654" y="476609"/>
            <a:ext cx="126091" cy="154199"/>
          </a:xfrm>
          <a:custGeom>
            <a:avLst/>
            <a:gdLst>
              <a:gd name="connsiteX0" fmla="*/ 71192 w 126091"/>
              <a:gd name="connsiteY0" fmla="*/ 154186 h 154199"/>
              <a:gd name="connsiteX1" fmla="*/ 19094 w 126091"/>
              <a:gd name="connsiteY1" fmla="*/ 134083 h 154199"/>
              <a:gd name="connsiteX2" fmla="*/ 0 w 126091"/>
              <a:gd name="connsiteY2" fmla="*/ 78351 h 154199"/>
              <a:gd name="connsiteX3" fmla="*/ 17730 w 126091"/>
              <a:gd name="connsiteY3" fmla="*/ 21202 h 154199"/>
              <a:gd name="connsiteX4" fmla="*/ 65355 w 126091"/>
              <a:gd name="connsiteY4" fmla="*/ 63 h 154199"/>
              <a:gd name="connsiteX5" fmla="*/ 109652 w 126091"/>
              <a:gd name="connsiteY5" fmla="*/ 18423 h 154199"/>
              <a:gd name="connsiteX6" fmla="*/ 126018 w 126091"/>
              <a:gd name="connsiteY6" fmla="*/ 66964 h 154199"/>
              <a:gd name="connsiteX7" fmla="*/ 126018 w 126091"/>
              <a:gd name="connsiteY7" fmla="*/ 81184 h 154199"/>
              <a:gd name="connsiteX8" fmla="*/ 23458 w 126091"/>
              <a:gd name="connsiteY8" fmla="*/ 81184 h 154199"/>
              <a:gd name="connsiteX9" fmla="*/ 36714 w 126091"/>
              <a:gd name="connsiteY9" fmla="*/ 120954 h 154199"/>
              <a:gd name="connsiteX10" fmla="*/ 72120 w 126091"/>
              <a:gd name="connsiteY10" fmla="*/ 134519 h 154199"/>
              <a:gd name="connsiteX11" fmla="*/ 119636 w 126091"/>
              <a:gd name="connsiteY11" fmla="*/ 124441 h 154199"/>
              <a:gd name="connsiteX12" fmla="*/ 119636 w 126091"/>
              <a:gd name="connsiteY12" fmla="*/ 144544 h 154199"/>
              <a:gd name="connsiteX13" fmla="*/ 97050 w 126091"/>
              <a:gd name="connsiteY13" fmla="*/ 151953 h 154199"/>
              <a:gd name="connsiteX14" fmla="*/ 71192 w 126091"/>
              <a:gd name="connsiteY14" fmla="*/ 154186 h 154199"/>
              <a:gd name="connsiteX15" fmla="*/ 65082 w 126091"/>
              <a:gd name="connsiteY15" fmla="*/ 18913 h 154199"/>
              <a:gd name="connsiteX16" fmla="*/ 36496 w 126091"/>
              <a:gd name="connsiteY16" fmla="*/ 30572 h 154199"/>
              <a:gd name="connsiteX17" fmla="*/ 23894 w 126091"/>
              <a:gd name="connsiteY17" fmla="*/ 62879 h 154199"/>
              <a:gd name="connsiteX18" fmla="*/ 101742 w 126091"/>
              <a:gd name="connsiteY18" fmla="*/ 62879 h 154199"/>
              <a:gd name="connsiteX19" fmla="*/ 92250 w 126091"/>
              <a:gd name="connsiteY19" fmla="*/ 30191 h 154199"/>
              <a:gd name="connsiteX20" fmla="*/ 65082 w 126091"/>
              <a:gd name="connsiteY20" fmla="*/ 18750 h 1541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26091" h="154199">
                <a:moveTo>
                  <a:pt x="71192" y="154186"/>
                </a:moveTo>
                <a:cubicBezTo>
                  <a:pt x="49153" y="154186"/>
                  <a:pt x="31788" y="147485"/>
                  <a:pt x="19094" y="134083"/>
                </a:cubicBezTo>
                <a:cubicBezTo>
                  <a:pt x="6383" y="120736"/>
                  <a:pt x="0" y="102104"/>
                  <a:pt x="0" y="78351"/>
                </a:cubicBezTo>
                <a:cubicBezTo>
                  <a:pt x="0" y="54598"/>
                  <a:pt x="5892" y="35312"/>
                  <a:pt x="17730" y="21202"/>
                </a:cubicBezTo>
                <a:cubicBezTo>
                  <a:pt x="29453" y="7145"/>
                  <a:pt x="47052" y="-667"/>
                  <a:pt x="65355" y="63"/>
                </a:cubicBezTo>
                <a:cubicBezTo>
                  <a:pt x="82125" y="-733"/>
                  <a:pt x="98376" y="6001"/>
                  <a:pt x="109652" y="18423"/>
                </a:cubicBezTo>
                <a:cubicBezTo>
                  <a:pt x="120983" y="31998"/>
                  <a:pt x="126820" y="49313"/>
                  <a:pt x="126018" y="66964"/>
                </a:cubicBezTo>
                <a:lnTo>
                  <a:pt x="126018" y="81184"/>
                </a:lnTo>
                <a:lnTo>
                  <a:pt x="23458" y="81184"/>
                </a:lnTo>
                <a:cubicBezTo>
                  <a:pt x="23949" y="98617"/>
                  <a:pt x="28313" y="111910"/>
                  <a:pt x="36714" y="120954"/>
                </a:cubicBezTo>
                <a:cubicBezTo>
                  <a:pt x="46005" y="130362"/>
                  <a:pt x="58912" y="135309"/>
                  <a:pt x="72120" y="134519"/>
                </a:cubicBezTo>
                <a:cubicBezTo>
                  <a:pt x="88480" y="134438"/>
                  <a:pt x="104655" y="131011"/>
                  <a:pt x="119636" y="124441"/>
                </a:cubicBezTo>
                <a:lnTo>
                  <a:pt x="119636" y="144544"/>
                </a:lnTo>
                <a:cubicBezTo>
                  <a:pt x="112364" y="147741"/>
                  <a:pt x="104802" y="150220"/>
                  <a:pt x="97050" y="151953"/>
                </a:cubicBezTo>
                <a:cubicBezTo>
                  <a:pt x="88529" y="153565"/>
                  <a:pt x="79866" y="154312"/>
                  <a:pt x="71192" y="154186"/>
                </a:cubicBezTo>
                <a:close/>
                <a:moveTo>
                  <a:pt x="65082" y="18913"/>
                </a:moveTo>
                <a:cubicBezTo>
                  <a:pt x="54302" y="18415"/>
                  <a:pt x="43845" y="22679"/>
                  <a:pt x="36496" y="30572"/>
                </a:cubicBezTo>
                <a:cubicBezTo>
                  <a:pt x="28826" y="39648"/>
                  <a:pt x="24396" y="51013"/>
                  <a:pt x="23894" y="62879"/>
                </a:cubicBezTo>
                <a:lnTo>
                  <a:pt x="101742" y="62879"/>
                </a:lnTo>
                <a:cubicBezTo>
                  <a:pt x="102539" y="51204"/>
                  <a:pt x="99178" y="39627"/>
                  <a:pt x="92250" y="30191"/>
                </a:cubicBezTo>
                <a:cubicBezTo>
                  <a:pt x="85463" y="22374"/>
                  <a:pt x="75426" y="18147"/>
                  <a:pt x="65082" y="18750"/>
                </a:cubicBezTo>
                <a:close/>
              </a:path>
            </a:pathLst>
          </a:custGeom>
          <a:solidFill>
            <a:srgbClr val="FFFFFF"/>
          </a:solidFill>
          <a:ln w="5445" cap="flat">
            <a:no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C43D6B07-2DCB-4568-89F6-7D0140A17DAA}"/>
              </a:ext>
            </a:extLst>
          </p:cNvPr>
          <p:cNvSpPr/>
          <p:nvPr/>
        </p:nvSpPr>
        <p:spPr>
          <a:xfrm>
            <a:off x="2744969" y="476503"/>
            <a:ext cx="85757" cy="151404"/>
          </a:xfrm>
          <a:custGeom>
            <a:avLst/>
            <a:gdLst>
              <a:gd name="connsiteX0" fmla="*/ 67973 w 85757"/>
              <a:gd name="connsiteY0" fmla="*/ 6 h 151404"/>
              <a:gd name="connsiteX1" fmla="*/ 85758 w 85757"/>
              <a:gd name="connsiteY1" fmla="*/ 1640 h 151404"/>
              <a:gd name="connsiteX2" fmla="*/ 82648 w 85757"/>
              <a:gd name="connsiteY2" fmla="*/ 22506 h 151404"/>
              <a:gd name="connsiteX3" fmla="*/ 66282 w 85757"/>
              <a:gd name="connsiteY3" fmla="*/ 20490 h 151404"/>
              <a:gd name="connsiteX4" fmla="*/ 35405 w 85757"/>
              <a:gd name="connsiteY4" fmla="*/ 35145 h 151404"/>
              <a:gd name="connsiteX5" fmla="*/ 22530 w 85757"/>
              <a:gd name="connsiteY5" fmla="*/ 71647 h 151404"/>
              <a:gd name="connsiteX6" fmla="*/ 22530 w 85757"/>
              <a:gd name="connsiteY6" fmla="*/ 151405 h 151404"/>
              <a:gd name="connsiteX7" fmla="*/ 0 w 85757"/>
              <a:gd name="connsiteY7" fmla="*/ 151405 h 151404"/>
              <a:gd name="connsiteX8" fmla="*/ 0 w 85757"/>
              <a:gd name="connsiteY8" fmla="*/ 2730 h 151404"/>
              <a:gd name="connsiteX9" fmla="*/ 18603 w 85757"/>
              <a:gd name="connsiteY9" fmla="*/ 2730 h 151404"/>
              <a:gd name="connsiteX10" fmla="*/ 21221 w 85757"/>
              <a:gd name="connsiteY10" fmla="*/ 29970 h 151404"/>
              <a:gd name="connsiteX11" fmla="*/ 22312 w 85757"/>
              <a:gd name="connsiteY11" fmla="*/ 29970 h 151404"/>
              <a:gd name="connsiteX12" fmla="*/ 42279 w 85757"/>
              <a:gd name="connsiteY12" fmla="*/ 7579 h 151404"/>
              <a:gd name="connsiteX13" fmla="*/ 67973 w 85757"/>
              <a:gd name="connsiteY13" fmla="*/ 6 h 151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5757" h="151404">
                <a:moveTo>
                  <a:pt x="67973" y="6"/>
                </a:moveTo>
                <a:cubicBezTo>
                  <a:pt x="73941" y="-55"/>
                  <a:pt x="79899" y="493"/>
                  <a:pt x="85758" y="1640"/>
                </a:cubicBezTo>
                <a:lnTo>
                  <a:pt x="82648" y="22506"/>
                </a:lnTo>
                <a:cubicBezTo>
                  <a:pt x="77280" y="21247"/>
                  <a:pt x="71792" y="20570"/>
                  <a:pt x="66282" y="20490"/>
                </a:cubicBezTo>
                <a:cubicBezTo>
                  <a:pt x="54308" y="20483"/>
                  <a:pt x="42961" y="25866"/>
                  <a:pt x="35405" y="35145"/>
                </a:cubicBezTo>
                <a:cubicBezTo>
                  <a:pt x="26687" y="45273"/>
                  <a:pt x="22094" y="58299"/>
                  <a:pt x="22530" y="71647"/>
                </a:cubicBezTo>
                <a:lnTo>
                  <a:pt x="22530" y="151405"/>
                </a:lnTo>
                <a:lnTo>
                  <a:pt x="0" y="151405"/>
                </a:lnTo>
                <a:lnTo>
                  <a:pt x="0" y="2730"/>
                </a:lnTo>
                <a:lnTo>
                  <a:pt x="18603" y="2730"/>
                </a:lnTo>
                <a:lnTo>
                  <a:pt x="21221" y="29970"/>
                </a:lnTo>
                <a:lnTo>
                  <a:pt x="22312" y="29970"/>
                </a:lnTo>
                <a:cubicBezTo>
                  <a:pt x="27151" y="21070"/>
                  <a:pt x="33987" y="13407"/>
                  <a:pt x="42279" y="7579"/>
                </a:cubicBezTo>
                <a:cubicBezTo>
                  <a:pt x="49873" y="2499"/>
                  <a:pt x="58836" y="-143"/>
                  <a:pt x="67973" y="6"/>
                </a:cubicBezTo>
                <a:close/>
              </a:path>
            </a:pathLst>
          </a:custGeom>
          <a:solidFill>
            <a:srgbClr val="FFFFFF"/>
          </a:solidFill>
          <a:ln w="5445" cap="flat">
            <a:no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876AE3AA-B7B9-4473-AC6A-429F30EF2D41}"/>
              </a:ext>
            </a:extLst>
          </p:cNvPr>
          <p:cNvSpPr/>
          <p:nvPr/>
        </p:nvSpPr>
        <p:spPr>
          <a:xfrm>
            <a:off x="2856636" y="423984"/>
            <a:ext cx="26728" cy="203924"/>
          </a:xfrm>
          <a:custGeom>
            <a:avLst/>
            <a:gdLst>
              <a:gd name="connsiteX0" fmla="*/ 58 w 26728"/>
              <a:gd name="connsiteY0" fmla="*/ 14934 h 203924"/>
              <a:gd name="connsiteX1" fmla="*/ 3876 w 26728"/>
              <a:gd name="connsiteY1" fmla="*/ 3602 h 203924"/>
              <a:gd name="connsiteX2" fmla="*/ 13369 w 26728"/>
              <a:gd name="connsiteY2" fmla="*/ 7 h 203924"/>
              <a:gd name="connsiteX3" fmla="*/ 22752 w 26728"/>
              <a:gd name="connsiteY3" fmla="*/ 3657 h 203924"/>
              <a:gd name="connsiteX4" fmla="*/ 26680 w 26728"/>
              <a:gd name="connsiteY4" fmla="*/ 14934 h 203924"/>
              <a:gd name="connsiteX5" fmla="*/ 22752 w 26728"/>
              <a:gd name="connsiteY5" fmla="*/ 26266 h 203924"/>
              <a:gd name="connsiteX6" fmla="*/ 13369 w 26728"/>
              <a:gd name="connsiteY6" fmla="*/ 30025 h 203924"/>
              <a:gd name="connsiteX7" fmla="*/ 3876 w 26728"/>
              <a:gd name="connsiteY7" fmla="*/ 26266 h 203924"/>
              <a:gd name="connsiteX8" fmla="*/ 58 w 26728"/>
              <a:gd name="connsiteY8" fmla="*/ 14934 h 203924"/>
              <a:gd name="connsiteX9" fmla="*/ 24498 w 26728"/>
              <a:gd name="connsiteY9" fmla="*/ 203924 h 203924"/>
              <a:gd name="connsiteX10" fmla="*/ 1967 w 26728"/>
              <a:gd name="connsiteY10" fmla="*/ 203924 h 203924"/>
              <a:gd name="connsiteX11" fmla="*/ 1967 w 26728"/>
              <a:gd name="connsiteY11" fmla="*/ 55249 h 203924"/>
              <a:gd name="connsiteX12" fmla="*/ 24498 w 26728"/>
              <a:gd name="connsiteY12" fmla="*/ 55249 h 203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6728" h="203924">
                <a:moveTo>
                  <a:pt x="58" y="14934"/>
                </a:moveTo>
                <a:cubicBezTo>
                  <a:pt x="-308" y="10791"/>
                  <a:pt x="1078" y="6683"/>
                  <a:pt x="3876" y="3602"/>
                </a:cubicBezTo>
                <a:cubicBezTo>
                  <a:pt x="6435" y="1188"/>
                  <a:pt x="9850" y="-106"/>
                  <a:pt x="13369" y="7"/>
                </a:cubicBezTo>
                <a:cubicBezTo>
                  <a:pt x="16855" y="-39"/>
                  <a:pt x="20215" y="1270"/>
                  <a:pt x="22752" y="3657"/>
                </a:cubicBezTo>
                <a:cubicBezTo>
                  <a:pt x="25594" y="6696"/>
                  <a:pt x="27018" y="10791"/>
                  <a:pt x="26680" y="14934"/>
                </a:cubicBezTo>
                <a:cubicBezTo>
                  <a:pt x="27007" y="19093"/>
                  <a:pt x="25583" y="23199"/>
                  <a:pt x="22752" y="26266"/>
                </a:cubicBezTo>
                <a:cubicBezTo>
                  <a:pt x="20259" y="28728"/>
                  <a:pt x="16876" y="30083"/>
                  <a:pt x="13369" y="30025"/>
                </a:cubicBezTo>
                <a:cubicBezTo>
                  <a:pt x="9823" y="30132"/>
                  <a:pt x="6386" y="28772"/>
                  <a:pt x="3876" y="26266"/>
                </a:cubicBezTo>
                <a:cubicBezTo>
                  <a:pt x="1100" y="23172"/>
                  <a:pt x="-281" y="19075"/>
                  <a:pt x="58" y="14934"/>
                </a:cubicBezTo>
                <a:close/>
                <a:moveTo>
                  <a:pt x="24498" y="203924"/>
                </a:moveTo>
                <a:lnTo>
                  <a:pt x="1967" y="203924"/>
                </a:lnTo>
                <a:lnTo>
                  <a:pt x="1967" y="55249"/>
                </a:lnTo>
                <a:lnTo>
                  <a:pt x="24498" y="55249"/>
                </a:lnTo>
                <a:close/>
              </a:path>
            </a:pathLst>
          </a:custGeom>
          <a:solidFill>
            <a:srgbClr val="FFFFFF"/>
          </a:solidFill>
          <a:ln w="5445" cap="flat">
            <a:no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CBA48672-FC90-44D8-9807-92366A65682C}"/>
              </a:ext>
            </a:extLst>
          </p:cNvPr>
          <p:cNvSpPr/>
          <p:nvPr/>
        </p:nvSpPr>
        <p:spPr>
          <a:xfrm>
            <a:off x="2928922" y="476503"/>
            <a:ext cx="124436" cy="151405"/>
          </a:xfrm>
          <a:custGeom>
            <a:avLst/>
            <a:gdLst>
              <a:gd name="connsiteX0" fmla="*/ 101960 w 124436"/>
              <a:gd name="connsiteY0" fmla="*/ 151405 h 151405"/>
              <a:gd name="connsiteX1" fmla="*/ 101960 w 124436"/>
              <a:gd name="connsiteY1" fmla="*/ 55194 h 151405"/>
              <a:gd name="connsiteX2" fmla="*/ 93668 w 124436"/>
              <a:gd name="connsiteY2" fmla="*/ 27954 h 151405"/>
              <a:gd name="connsiteX3" fmla="*/ 67701 w 124436"/>
              <a:gd name="connsiteY3" fmla="*/ 19020 h 151405"/>
              <a:gd name="connsiteX4" fmla="*/ 33441 w 124436"/>
              <a:gd name="connsiteY4" fmla="*/ 31659 h 151405"/>
              <a:gd name="connsiteX5" fmla="*/ 22530 w 124436"/>
              <a:gd name="connsiteY5" fmla="*/ 73281 h 151405"/>
              <a:gd name="connsiteX6" fmla="*/ 22530 w 124436"/>
              <a:gd name="connsiteY6" fmla="*/ 151296 h 151405"/>
              <a:gd name="connsiteX7" fmla="*/ 0 w 124436"/>
              <a:gd name="connsiteY7" fmla="*/ 151296 h 151405"/>
              <a:gd name="connsiteX8" fmla="*/ 0 w 124436"/>
              <a:gd name="connsiteY8" fmla="*/ 2730 h 151405"/>
              <a:gd name="connsiteX9" fmla="*/ 18330 w 124436"/>
              <a:gd name="connsiteY9" fmla="*/ 2730 h 151405"/>
              <a:gd name="connsiteX10" fmla="*/ 21985 w 124436"/>
              <a:gd name="connsiteY10" fmla="*/ 23051 h 151405"/>
              <a:gd name="connsiteX11" fmla="*/ 23076 w 124436"/>
              <a:gd name="connsiteY11" fmla="*/ 23051 h 151405"/>
              <a:gd name="connsiteX12" fmla="*/ 42497 w 124436"/>
              <a:gd name="connsiteY12" fmla="*/ 6053 h 151405"/>
              <a:gd name="connsiteX13" fmla="*/ 70374 w 124436"/>
              <a:gd name="connsiteY13" fmla="*/ 6 h 151405"/>
              <a:gd name="connsiteX14" fmla="*/ 110852 w 124436"/>
              <a:gd name="connsiteY14" fmla="*/ 12972 h 151405"/>
              <a:gd name="connsiteX15" fmla="*/ 124436 w 124436"/>
              <a:gd name="connsiteY15" fmla="*/ 54431 h 151405"/>
              <a:gd name="connsiteX16" fmla="*/ 124436 w 124436"/>
              <a:gd name="connsiteY16" fmla="*/ 151405 h 151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4436" h="151405">
                <a:moveTo>
                  <a:pt x="101960" y="151405"/>
                </a:moveTo>
                <a:lnTo>
                  <a:pt x="101960" y="55194"/>
                </a:lnTo>
                <a:cubicBezTo>
                  <a:pt x="102735" y="45393"/>
                  <a:pt x="99773" y="35663"/>
                  <a:pt x="93668" y="27954"/>
                </a:cubicBezTo>
                <a:cubicBezTo>
                  <a:pt x="86658" y="21460"/>
                  <a:pt x="77231" y="18217"/>
                  <a:pt x="67701" y="19020"/>
                </a:cubicBezTo>
                <a:cubicBezTo>
                  <a:pt x="52098" y="19020"/>
                  <a:pt x="40680" y="23233"/>
                  <a:pt x="33441" y="31659"/>
                </a:cubicBezTo>
                <a:cubicBezTo>
                  <a:pt x="26240" y="40049"/>
                  <a:pt x="22530" y="53941"/>
                  <a:pt x="22530" y="73281"/>
                </a:cubicBezTo>
                <a:lnTo>
                  <a:pt x="22530" y="151296"/>
                </a:lnTo>
                <a:lnTo>
                  <a:pt x="0" y="151296"/>
                </a:lnTo>
                <a:lnTo>
                  <a:pt x="0" y="2730"/>
                </a:lnTo>
                <a:lnTo>
                  <a:pt x="18330" y="2730"/>
                </a:lnTo>
                <a:lnTo>
                  <a:pt x="21985" y="23051"/>
                </a:lnTo>
                <a:lnTo>
                  <a:pt x="23076" y="23051"/>
                </a:lnTo>
                <a:cubicBezTo>
                  <a:pt x="27817" y="15669"/>
                  <a:pt x="34548" y="9776"/>
                  <a:pt x="42497" y="6053"/>
                </a:cubicBezTo>
                <a:cubicBezTo>
                  <a:pt x="51204" y="1940"/>
                  <a:pt x="60740" y="-129"/>
                  <a:pt x="70374" y="6"/>
                </a:cubicBezTo>
                <a:cubicBezTo>
                  <a:pt x="88338" y="6"/>
                  <a:pt x="101835" y="4328"/>
                  <a:pt x="110852" y="12972"/>
                </a:cubicBezTo>
                <a:cubicBezTo>
                  <a:pt x="119870" y="21617"/>
                  <a:pt x="124398" y="35434"/>
                  <a:pt x="124436" y="54431"/>
                </a:cubicBezTo>
                <a:lnTo>
                  <a:pt x="124436" y="151405"/>
                </a:lnTo>
                <a:close/>
              </a:path>
            </a:pathLst>
          </a:custGeom>
          <a:solidFill>
            <a:srgbClr val="FFFFFF"/>
          </a:solidFill>
          <a:ln w="5445" cap="flat">
            <a:no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3A3FC9AA-78AB-4E13-9731-031715B71760}"/>
              </a:ext>
            </a:extLst>
          </p:cNvPr>
          <p:cNvSpPr/>
          <p:nvPr/>
        </p:nvSpPr>
        <p:spPr>
          <a:xfrm>
            <a:off x="3081100" y="476228"/>
            <a:ext cx="140500" cy="218418"/>
          </a:xfrm>
          <a:custGeom>
            <a:avLst/>
            <a:gdLst>
              <a:gd name="connsiteX0" fmla="*/ 140501 w 140500"/>
              <a:gd name="connsiteY0" fmla="*/ 3005 h 218418"/>
              <a:gd name="connsiteX1" fmla="*/ 140501 w 140500"/>
              <a:gd name="connsiteY1" fmla="*/ 17224 h 218418"/>
              <a:gd name="connsiteX2" fmla="*/ 112897 w 140500"/>
              <a:gd name="connsiteY2" fmla="*/ 20493 h 218418"/>
              <a:gd name="connsiteX3" fmla="*/ 119716 w 140500"/>
              <a:gd name="connsiteY3" fmla="*/ 32915 h 218418"/>
              <a:gd name="connsiteX4" fmla="*/ 122717 w 140500"/>
              <a:gd name="connsiteY4" fmla="*/ 50185 h 218418"/>
              <a:gd name="connsiteX5" fmla="*/ 107769 w 140500"/>
              <a:gd name="connsiteY5" fmla="*/ 85052 h 218418"/>
              <a:gd name="connsiteX6" fmla="*/ 66745 w 140500"/>
              <a:gd name="connsiteY6" fmla="*/ 98072 h 218418"/>
              <a:gd name="connsiteX7" fmla="*/ 54252 w 140500"/>
              <a:gd name="connsiteY7" fmla="*/ 96983 h 218418"/>
              <a:gd name="connsiteX8" fmla="*/ 39850 w 140500"/>
              <a:gd name="connsiteY8" fmla="*/ 116159 h 218418"/>
              <a:gd name="connsiteX9" fmla="*/ 44869 w 140500"/>
              <a:gd name="connsiteY9" fmla="*/ 125149 h 218418"/>
              <a:gd name="connsiteX10" fmla="*/ 62108 w 140500"/>
              <a:gd name="connsiteY10" fmla="*/ 128091 h 218418"/>
              <a:gd name="connsiteX11" fmla="*/ 88457 w 140500"/>
              <a:gd name="connsiteY11" fmla="*/ 128091 h 218418"/>
              <a:gd name="connsiteX12" fmla="*/ 125608 w 140500"/>
              <a:gd name="connsiteY12" fmla="*/ 138278 h 218418"/>
              <a:gd name="connsiteX13" fmla="*/ 138592 w 140500"/>
              <a:gd name="connsiteY13" fmla="*/ 167806 h 218418"/>
              <a:gd name="connsiteX14" fmla="*/ 118734 w 140500"/>
              <a:gd name="connsiteY14" fmla="*/ 205452 h 218418"/>
              <a:gd name="connsiteX15" fmla="*/ 60908 w 140500"/>
              <a:gd name="connsiteY15" fmla="*/ 218418 h 218418"/>
              <a:gd name="connsiteX16" fmla="*/ 15847 w 140500"/>
              <a:gd name="connsiteY16" fmla="*/ 207522 h 218418"/>
              <a:gd name="connsiteX17" fmla="*/ 26 w 140500"/>
              <a:gd name="connsiteY17" fmla="*/ 176850 h 218418"/>
              <a:gd name="connsiteX18" fmla="*/ 8700 w 140500"/>
              <a:gd name="connsiteY18" fmla="*/ 153369 h 218418"/>
              <a:gd name="connsiteX19" fmla="*/ 33195 w 140500"/>
              <a:gd name="connsiteY19" fmla="*/ 139967 h 218418"/>
              <a:gd name="connsiteX20" fmla="*/ 23593 w 140500"/>
              <a:gd name="connsiteY20" fmla="*/ 131959 h 218418"/>
              <a:gd name="connsiteX21" fmla="*/ 19720 w 140500"/>
              <a:gd name="connsiteY21" fmla="*/ 119319 h 218418"/>
              <a:gd name="connsiteX22" fmla="*/ 24084 w 140500"/>
              <a:gd name="connsiteY22" fmla="*/ 105100 h 218418"/>
              <a:gd name="connsiteX23" fmla="*/ 37777 w 140500"/>
              <a:gd name="connsiteY23" fmla="*/ 93278 h 218418"/>
              <a:gd name="connsiteX24" fmla="*/ 18956 w 140500"/>
              <a:gd name="connsiteY24" fmla="*/ 76934 h 218418"/>
              <a:gd name="connsiteX25" fmla="*/ 26376 w 140500"/>
              <a:gd name="connsiteY25" fmla="*/ 13247 h 218418"/>
              <a:gd name="connsiteX26" fmla="*/ 67945 w 140500"/>
              <a:gd name="connsiteY26" fmla="*/ 9 h 218418"/>
              <a:gd name="connsiteX27" fmla="*/ 89003 w 140500"/>
              <a:gd name="connsiteY27" fmla="*/ 2733 h 218418"/>
              <a:gd name="connsiteX28" fmla="*/ 21739 w 140500"/>
              <a:gd name="connsiteY28" fmla="*/ 176632 h 218418"/>
              <a:gd name="connsiteX29" fmla="*/ 31940 w 140500"/>
              <a:gd name="connsiteY29" fmla="*/ 194937 h 218418"/>
              <a:gd name="connsiteX30" fmla="*/ 61181 w 140500"/>
              <a:gd name="connsiteY30" fmla="*/ 201202 h 218418"/>
              <a:gd name="connsiteX31" fmla="*/ 103187 w 140500"/>
              <a:gd name="connsiteY31" fmla="*/ 192703 h 218418"/>
              <a:gd name="connsiteX32" fmla="*/ 116880 w 140500"/>
              <a:gd name="connsiteY32" fmla="*/ 169713 h 218418"/>
              <a:gd name="connsiteX33" fmla="*/ 109406 w 140500"/>
              <a:gd name="connsiteY33" fmla="*/ 152988 h 218418"/>
              <a:gd name="connsiteX34" fmla="*/ 81256 w 140500"/>
              <a:gd name="connsiteY34" fmla="*/ 148302 h 218418"/>
              <a:gd name="connsiteX35" fmla="*/ 54252 w 140500"/>
              <a:gd name="connsiteY35" fmla="*/ 148302 h 218418"/>
              <a:gd name="connsiteX36" fmla="*/ 30304 w 140500"/>
              <a:gd name="connsiteY36" fmla="*/ 155603 h 218418"/>
              <a:gd name="connsiteX37" fmla="*/ 21739 w 140500"/>
              <a:gd name="connsiteY37" fmla="*/ 176632 h 218418"/>
              <a:gd name="connsiteX38" fmla="*/ 34013 w 140500"/>
              <a:gd name="connsiteY38" fmla="*/ 50620 h 218418"/>
              <a:gd name="connsiteX39" fmla="*/ 42796 w 140500"/>
              <a:gd name="connsiteY39" fmla="*/ 74210 h 218418"/>
              <a:gd name="connsiteX40" fmla="*/ 67400 w 140500"/>
              <a:gd name="connsiteY40" fmla="*/ 82219 h 218418"/>
              <a:gd name="connsiteX41" fmla="*/ 100404 w 140500"/>
              <a:gd name="connsiteY41" fmla="*/ 50185 h 218418"/>
              <a:gd name="connsiteX42" fmla="*/ 67018 w 140500"/>
              <a:gd name="connsiteY42" fmla="*/ 16680 h 218418"/>
              <a:gd name="connsiteX43" fmla="*/ 42523 w 140500"/>
              <a:gd name="connsiteY43" fmla="*/ 25233 h 218418"/>
              <a:gd name="connsiteX44" fmla="*/ 34013 w 140500"/>
              <a:gd name="connsiteY44" fmla="*/ 50620 h 2184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140500" h="218418">
                <a:moveTo>
                  <a:pt x="140501" y="3005"/>
                </a:moveTo>
                <a:lnTo>
                  <a:pt x="140501" y="17224"/>
                </a:lnTo>
                <a:lnTo>
                  <a:pt x="112897" y="20493"/>
                </a:lnTo>
                <a:cubicBezTo>
                  <a:pt x="115783" y="24266"/>
                  <a:pt x="118085" y="28454"/>
                  <a:pt x="119716" y="32915"/>
                </a:cubicBezTo>
                <a:cubicBezTo>
                  <a:pt x="121773" y="38439"/>
                  <a:pt x="122788" y="44290"/>
                  <a:pt x="122717" y="50185"/>
                </a:cubicBezTo>
                <a:cubicBezTo>
                  <a:pt x="123268" y="63467"/>
                  <a:pt x="117774" y="76286"/>
                  <a:pt x="107769" y="85052"/>
                </a:cubicBezTo>
                <a:cubicBezTo>
                  <a:pt x="96176" y="94308"/>
                  <a:pt x="81562" y="98949"/>
                  <a:pt x="66745" y="98072"/>
                </a:cubicBezTo>
                <a:cubicBezTo>
                  <a:pt x="62555" y="98116"/>
                  <a:pt x="58371" y="97751"/>
                  <a:pt x="54252" y="96983"/>
                </a:cubicBezTo>
                <a:cubicBezTo>
                  <a:pt x="44651" y="102033"/>
                  <a:pt x="39850" y="108423"/>
                  <a:pt x="39850" y="116159"/>
                </a:cubicBezTo>
                <a:cubicBezTo>
                  <a:pt x="39648" y="119870"/>
                  <a:pt x="41601" y="123367"/>
                  <a:pt x="44869" y="125149"/>
                </a:cubicBezTo>
                <a:cubicBezTo>
                  <a:pt x="50292" y="127513"/>
                  <a:pt x="56205" y="128526"/>
                  <a:pt x="62108" y="128091"/>
                </a:cubicBezTo>
                <a:lnTo>
                  <a:pt x="88457" y="128091"/>
                </a:lnTo>
                <a:cubicBezTo>
                  <a:pt x="104605" y="128091"/>
                  <a:pt x="116989" y="131485"/>
                  <a:pt x="125608" y="138278"/>
                </a:cubicBezTo>
                <a:cubicBezTo>
                  <a:pt x="134462" y="145448"/>
                  <a:pt x="139301" y="156447"/>
                  <a:pt x="138592" y="167806"/>
                </a:cubicBezTo>
                <a:cubicBezTo>
                  <a:pt x="139263" y="183017"/>
                  <a:pt x="131674" y="197405"/>
                  <a:pt x="118734" y="205452"/>
                </a:cubicBezTo>
                <a:cubicBezTo>
                  <a:pt x="105532" y="214130"/>
                  <a:pt x="86259" y="218456"/>
                  <a:pt x="60908" y="218418"/>
                </a:cubicBezTo>
                <a:cubicBezTo>
                  <a:pt x="41432" y="218418"/>
                  <a:pt x="26376" y="214822"/>
                  <a:pt x="15847" y="207522"/>
                </a:cubicBezTo>
                <a:cubicBezTo>
                  <a:pt x="5558" y="200772"/>
                  <a:pt x="-448" y="189135"/>
                  <a:pt x="26" y="176850"/>
                </a:cubicBezTo>
                <a:cubicBezTo>
                  <a:pt x="-121" y="168215"/>
                  <a:pt x="2978" y="159841"/>
                  <a:pt x="8700" y="153369"/>
                </a:cubicBezTo>
                <a:cubicBezTo>
                  <a:pt x="15208" y="146385"/>
                  <a:pt x="23801" y="141689"/>
                  <a:pt x="33195" y="139967"/>
                </a:cubicBezTo>
                <a:cubicBezTo>
                  <a:pt x="29338" y="138197"/>
                  <a:pt x="26021" y="135434"/>
                  <a:pt x="23593" y="131959"/>
                </a:cubicBezTo>
                <a:cubicBezTo>
                  <a:pt x="20991" y="128265"/>
                  <a:pt x="19638" y="123836"/>
                  <a:pt x="19720" y="119319"/>
                </a:cubicBezTo>
                <a:cubicBezTo>
                  <a:pt x="19627" y="114236"/>
                  <a:pt x="21155" y="109257"/>
                  <a:pt x="24084" y="105100"/>
                </a:cubicBezTo>
                <a:cubicBezTo>
                  <a:pt x="27816" y="100290"/>
                  <a:pt x="32469" y="96269"/>
                  <a:pt x="37777" y="93278"/>
                </a:cubicBezTo>
                <a:cubicBezTo>
                  <a:pt x="29932" y="89949"/>
                  <a:pt x="23343" y="84229"/>
                  <a:pt x="18956" y="76934"/>
                </a:cubicBezTo>
                <a:cubicBezTo>
                  <a:pt x="7003" y="56412"/>
                  <a:pt x="10026" y="30481"/>
                  <a:pt x="26376" y="13247"/>
                </a:cubicBezTo>
                <a:cubicBezTo>
                  <a:pt x="36124" y="4422"/>
                  <a:pt x="49981" y="9"/>
                  <a:pt x="67945" y="9"/>
                </a:cubicBezTo>
                <a:cubicBezTo>
                  <a:pt x="75059" y="-101"/>
                  <a:pt x="82151" y="816"/>
                  <a:pt x="89003" y="2733"/>
                </a:cubicBezTo>
                <a:close/>
                <a:moveTo>
                  <a:pt x="21739" y="176632"/>
                </a:moveTo>
                <a:cubicBezTo>
                  <a:pt x="21460" y="184156"/>
                  <a:pt x="25394" y="191211"/>
                  <a:pt x="31940" y="194937"/>
                </a:cubicBezTo>
                <a:cubicBezTo>
                  <a:pt x="40936" y="199633"/>
                  <a:pt x="51045" y="201802"/>
                  <a:pt x="61181" y="201202"/>
                </a:cubicBezTo>
                <a:cubicBezTo>
                  <a:pt x="80110" y="201202"/>
                  <a:pt x="93913" y="198369"/>
                  <a:pt x="103187" y="192703"/>
                </a:cubicBezTo>
                <a:cubicBezTo>
                  <a:pt x="111653" y="188154"/>
                  <a:pt x="116918" y="179312"/>
                  <a:pt x="116880" y="169713"/>
                </a:cubicBezTo>
                <a:cubicBezTo>
                  <a:pt x="117594" y="163197"/>
                  <a:pt x="114741" y="156807"/>
                  <a:pt x="109406" y="152988"/>
                </a:cubicBezTo>
                <a:cubicBezTo>
                  <a:pt x="104387" y="149828"/>
                  <a:pt x="95004" y="148302"/>
                  <a:pt x="81256" y="148302"/>
                </a:cubicBezTo>
                <a:lnTo>
                  <a:pt x="54252" y="148302"/>
                </a:lnTo>
                <a:cubicBezTo>
                  <a:pt x="45649" y="147785"/>
                  <a:pt x="37150" y="150378"/>
                  <a:pt x="30304" y="155603"/>
                </a:cubicBezTo>
                <a:cubicBezTo>
                  <a:pt x="24417" y="160964"/>
                  <a:pt x="21269" y="168689"/>
                  <a:pt x="21739" y="176632"/>
                </a:cubicBezTo>
                <a:close/>
                <a:moveTo>
                  <a:pt x="34013" y="50620"/>
                </a:moveTo>
                <a:cubicBezTo>
                  <a:pt x="33364" y="59386"/>
                  <a:pt x="36566" y="67999"/>
                  <a:pt x="42796" y="74210"/>
                </a:cubicBezTo>
                <a:cubicBezTo>
                  <a:pt x="49686" y="79887"/>
                  <a:pt x="58480" y="82753"/>
                  <a:pt x="67400" y="82219"/>
                </a:cubicBezTo>
                <a:cubicBezTo>
                  <a:pt x="89221" y="82219"/>
                  <a:pt x="100404" y="71323"/>
                  <a:pt x="100404" y="50185"/>
                </a:cubicBezTo>
                <a:cubicBezTo>
                  <a:pt x="100404" y="27848"/>
                  <a:pt x="89276" y="16680"/>
                  <a:pt x="67018" y="16680"/>
                </a:cubicBezTo>
                <a:cubicBezTo>
                  <a:pt x="58027" y="16078"/>
                  <a:pt x="49179" y="19167"/>
                  <a:pt x="42523" y="25233"/>
                </a:cubicBezTo>
                <a:cubicBezTo>
                  <a:pt x="36391" y="32212"/>
                  <a:pt x="33326" y="41359"/>
                  <a:pt x="34013" y="50620"/>
                </a:cubicBezTo>
                <a:close/>
              </a:path>
            </a:pathLst>
          </a:custGeom>
          <a:solidFill>
            <a:srgbClr val="FFFFFF"/>
          </a:solidFill>
          <a:ln w="5445" cap="flat">
            <a:no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9F544532-97CB-412E-83AA-078E70DBF96E}"/>
              </a:ext>
            </a:extLst>
          </p:cNvPr>
          <p:cNvSpPr/>
          <p:nvPr/>
        </p:nvSpPr>
        <p:spPr>
          <a:xfrm>
            <a:off x="1705145" y="720534"/>
            <a:ext cx="187264" cy="204478"/>
          </a:xfrm>
          <a:custGeom>
            <a:avLst/>
            <a:gdLst>
              <a:gd name="connsiteX0" fmla="*/ 92 w 187264"/>
              <a:gd name="connsiteY0" fmla="*/ 149972 h 204478"/>
              <a:gd name="connsiteX1" fmla="*/ 9530 w 187264"/>
              <a:gd name="connsiteY1" fmla="*/ 118755 h 204478"/>
              <a:gd name="connsiteX2" fmla="*/ 43407 w 187264"/>
              <a:gd name="connsiteY2" fmla="*/ 91515 h 204478"/>
              <a:gd name="connsiteX3" fmla="*/ 27750 w 187264"/>
              <a:gd name="connsiteY3" fmla="*/ 72012 h 204478"/>
              <a:gd name="connsiteX4" fmla="*/ 21150 w 187264"/>
              <a:gd name="connsiteY4" fmla="*/ 58174 h 204478"/>
              <a:gd name="connsiteX5" fmla="*/ 18695 w 187264"/>
              <a:gd name="connsiteY5" fmla="*/ 43246 h 204478"/>
              <a:gd name="connsiteX6" fmla="*/ 32006 w 187264"/>
              <a:gd name="connsiteY6" fmla="*/ 11485 h 204478"/>
              <a:gd name="connsiteX7" fmla="*/ 69102 w 187264"/>
              <a:gd name="connsiteY7" fmla="*/ 99 h 204478"/>
              <a:gd name="connsiteX8" fmla="*/ 103743 w 187264"/>
              <a:gd name="connsiteY8" fmla="*/ 11430 h 204478"/>
              <a:gd name="connsiteX9" fmla="*/ 116345 w 187264"/>
              <a:gd name="connsiteY9" fmla="*/ 42974 h 204478"/>
              <a:gd name="connsiteX10" fmla="*/ 107126 w 187264"/>
              <a:gd name="connsiteY10" fmla="*/ 69778 h 204478"/>
              <a:gd name="connsiteX11" fmla="*/ 76576 w 187264"/>
              <a:gd name="connsiteY11" fmla="*/ 94675 h 204478"/>
              <a:gd name="connsiteX12" fmla="*/ 131838 w 187264"/>
              <a:gd name="connsiteY12" fmla="*/ 147684 h 204478"/>
              <a:gd name="connsiteX13" fmla="*/ 144004 w 187264"/>
              <a:gd name="connsiteY13" fmla="*/ 127962 h 204478"/>
              <a:gd name="connsiteX14" fmla="*/ 151696 w 187264"/>
              <a:gd name="connsiteY14" fmla="*/ 103228 h 204478"/>
              <a:gd name="connsiteX15" fmla="*/ 174499 w 187264"/>
              <a:gd name="connsiteY15" fmla="*/ 103228 h 204478"/>
              <a:gd name="connsiteX16" fmla="*/ 146677 w 187264"/>
              <a:gd name="connsiteY16" fmla="*/ 162067 h 204478"/>
              <a:gd name="connsiteX17" fmla="*/ 187264 w 187264"/>
              <a:gd name="connsiteY17" fmla="*/ 201564 h 204478"/>
              <a:gd name="connsiteX18" fmla="*/ 156169 w 187264"/>
              <a:gd name="connsiteY18" fmla="*/ 201564 h 204478"/>
              <a:gd name="connsiteX19" fmla="*/ 131020 w 187264"/>
              <a:gd name="connsiteY19" fmla="*/ 177212 h 204478"/>
              <a:gd name="connsiteX20" fmla="*/ 61464 w 187264"/>
              <a:gd name="connsiteY20" fmla="*/ 204452 h 204478"/>
              <a:gd name="connsiteX21" fmla="*/ 16185 w 187264"/>
              <a:gd name="connsiteY21" fmla="*/ 190069 h 204478"/>
              <a:gd name="connsiteX22" fmla="*/ 92 w 187264"/>
              <a:gd name="connsiteY22" fmla="*/ 149972 h 204478"/>
              <a:gd name="connsiteX23" fmla="*/ 62010 w 187264"/>
              <a:gd name="connsiteY23" fmla="*/ 183913 h 204478"/>
              <a:gd name="connsiteX24" fmla="*/ 116563 w 187264"/>
              <a:gd name="connsiteY24" fmla="*/ 162993 h 204478"/>
              <a:gd name="connsiteX25" fmla="*/ 57209 w 187264"/>
              <a:gd name="connsiteY25" fmla="*/ 105462 h 204478"/>
              <a:gd name="connsiteX26" fmla="*/ 35879 w 187264"/>
              <a:gd name="connsiteY26" fmla="*/ 120771 h 204478"/>
              <a:gd name="connsiteX27" fmla="*/ 26659 w 187264"/>
              <a:gd name="connsiteY27" fmla="*/ 133683 h 204478"/>
              <a:gd name="connsiteX28" fmla="*/ 23659 w 187264"/>
              <a:gd name="connsiteY28" fmla="*/ 149427 h 204478"/>
              <a:gd name="connsiteX29" fmla="*/ 34188 w 187264"/>
              <a:gd name="connsiteY29" fmla="*/ 174597 h 204478"/>
              <a:gd name="connsiteX30" fmla="*/ 62010 w 187264"/>
              <a:gd name="connsiteY30" fmla="*/ 184076 h 204478"/>
              <a:gd name="connsiteX31" fmla="*/ 40952 w 187264"/>
              <a:gd name="connsiteY31" fmla="*/ 42538 h 204478"/>
              <a:gd name="connsiteX32" fmla="*/ 45862 w 187264"/>
              <a:gd name="connsiteY32" fmla="*/ 60353 h 204478"/>
              <a:gd name="connsiteX33" fmla="*/ 62555 w 187264"/>
              <a:gd name="connsiteY33" fmla="*/ 80783 h 204478"/>
              <a:gd name="connsiteX34" fmla="*/ 86941 w 187264"/>
              <a:gd name="connsiteY34" fmla="*/ 61987 h 204478"/>
              <a:gd name="connsiteX35" fmla="*/ 93815 w 187264"/>
              <a:gd name="connsiteY35" fmla="*/ 42102 h 204478"/>
              <a:gd name="connsiteX36" fmla="*/ 86832 w 187264"/>
              <a:gd name="connsiteY36" fmla="*/ 25105 h 204478"/>
              <a:gd name="connsiteX37" fmla="*/ 68174 w 187264"/>
              <a:gd name="connsiteY37" fmla="*/ 18513 h 204478"/>
              <a:gd name="connsiteX38" fmla="*/ 48535 w 187264"/>
              <a:gd name="connsiteY38" fmla="*/ 25050 h 204478"/>
              <a:gd name="connsiteX39" fmla="*/ 40952 w 187264"/>
              <a:gd name="connsiteY39" fmla="*/ 42702 h 204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187264" h="204478">
                <a:moveTo>
                  <a:pt x="92" y="149972"/>
                </a:moveTo>
                <a:cubicBezTo>
                  <a:pt x="-94" y="138842"/>
                  <a:pt x="3207" y="127924"/>
                  <a:pt x="9530" y="118755"/>
                </a:cubicBezTo>
                <a:cubicBezTo>
                  <a:pt x="18738" y="107358"/>
                  <a:pt x="30293" y="98064"/>
                  <a:pt x="43407" y="91515"/>
                </a:cubicBezTo>
                <a:cubicBezTo>
                  <a:pt x="37679" y="85441"/>
                  <a:pt x="32442" y="78920"/>
                  <a:pt x="27750" y="72012"/>
                </a:cubicBezTo>
                <a:cubicBezTo>
                  <a:pt x="25017" y="67670"/>
                  <a:pt x="22803" y="63028"/>
                  <a:pt x="21150" y="58174"/>
                </a:cubicBezTo>
                <a:cubicBezTo>
                  <a:pt x="19513" y="53369"/>
                  <a:pt x="18684" y="48324"/>
                  <a:pt x="18695" y="43246"/>
                </a:cubicBezTo>
                <a:cubicBezTo>
                  <a:pt x="18051" y="31185"/>
                  <a:pt x="22950" y="19493"/>
                  <a:pt x="32006" y="11485"/>
                </a:cubicBezTo>
                <a:cubicBezTo>
                  <a:pt x="42589" y="3345"/>
                  <a:pt x="55764" y="-697"/>
                  <a:pt x="69102" y="99"/>
                </a:cubicBezTo>
                <a:cubicBezTo>
                  <a:pt x="81665" y="-632"/>
                  <a:pt x="94044" y="3416"/>
                  <a:pt x="103743" y="11430"/>
                </a:cubicBezTo>
                <a:cubicBezTo>
                  <a:pt x="112390" y="19580"/>
                  <a:pt x="117000" y="31119"/>
                  <a:pt x="116345" y="42974"/>
                </a:cubicBezTo>
                <a:cubicBezTo>
                  <a:pt x="116350" y="52682"/>
                  <a:pt x="113105" y="62118"/>
                  <a:pt x="107126" y="69778"/>
                </a:cubicBezTo>
                <a:cubicBezTo>
                  <a:pt x="98588" y="79911"/>
                  <a:pt x="88228" y="88356"/>
                  <a:pt x="76576" y="94675"/>
                </a:cubicBezTo>
                <a:lnTo>
                  <a:pt x="131838" y="147684"/>
                </a:lnTo>
                <a:cubicBezTo>
                  <a:pt x="137054" y="141898"/>
                  <a:pt x="141172" y="135213"/>
                  <a:pt x="144004" y="127962"/>
                </a:cubicBezTo>
                <a:cubicBezTo>
                  <a:pt x="147206" y="119927"/>
                  <a:pt x="149775" y="111662"/>
                  <a:pt x="151696" y="103228"/>
                </a:cubicBezTo>
                <a:lnTo>
                  <a:pt x="174499" y="103228"/>
                </a:lnTo>
                <a:cubicBezTo>
                  <a:pt x="168334" y="129052"/>
                  <a:pt x="159060" y="148719"/>
                  <a:pt x="146677" y="162067"/>
                </a:cubicBezTo>
                <a:lnTo>
                  <a:pt x="187264" y="201564"/>
                </a:lnTo>
                <a:lnTo>
                  <a:pt x="156169" y="201564"/>
                </a:lnTo>
                <a:lnTo>
                  <a:pt x="131020" y="177212"/>
                </a:lnTo>
                <a:cubicBezTo>
                  <a:pt x="112434" y="195245"/>
                  <a:pt x="87372" y="205062"/>
                  <a:pt x="61464" y="204452"/>
                </a:cubicBezTo>
                <a:cubicBezTo>
                  <a:pt x="42043" y="204452"/>
                  <a:pt x="26948" y="199657"/>
                  <a:pt x="16185" y="190069"/>
                </a:cubicBezTo>
                <a:cubicBezTo>
                  <a:pt x="5084" y="179778"/>
                  <a:pt x="-819" y="165068"/>
                  <a:pt x="92" y="149972"/>
                </a:cubicBezTo>
                <a:close/>
                <a:moveTo>
                  <a:pt x="62010" y="183913"/>
                </a:moveTo>
                <a:cubicBezTo>
                  <a:pt x="82282" y="184616"/>
                  <a:pt x="101970" y="177065"/>
                  <a:pt x="116563" y="162993"/>
                </a:cubicBezTo>
                <a:lnTo>
                  <a:pt x="57209" y="105462"/>
                </a:lnTo>
                <a:cubicBezTo>
                  <a:pt x="49610" y="109853"/>
                  <a:pt x="42469" y="114980"/>
                  <a:pt x="35879" y="120771"/>
                </a:cubicBezTo>
                <a:cubicBezTo>
                  <a:pt x="31967" y="124416"/>
                  <a:pt x="28836" y="128807"/>
                  <a:pt x="26659" y="133683"/>
                </a:cubicBezTo>
                <a:cubicBezTo>
                  <a:pt x="24581" y="138668"/>
                  <a:pt x="23555" y="144028"/>
                  <a:pt x="23659" y="149427"/>
                </a:cubicBezTo>
                <a:cubicBezTo>
                  <a:pt x="23228" y="158967"/>
                  <a:pt x="27090" y="168195"/>
                  <a:pt x="34188" y="174597"/>
                </a:cubicBezTo>
                <a:cubicBezTo>
                  <a:pt x="41956" y="181102"/>
                  <a:pt x="51879" y="184485"/>
                  <a:pt x="62010" y="184076"/>
                </a:cubicBezTo>
                <a:close/>
                <a:moveTo>
                  <a:pt x="40952" y="42538"/>
                </a:moveTo>
                <a:cubicBezTo>
                  <a:pt x="40958" y="48809"/>
                  <a:pt x="42654" y="54959"/>
                  <a:pt x="45862" y="60353"/>
                </a:cubicBezTo>
                <a:cubicBezTo>
                  <a:pt x="50576" y="67811"/>
                  <a:pt x="56184" y="74670"/>
                  <a:pt x="62555" y="80783"/>
                </a:cubicBezTo>
                <a:cubicBezTo>
                  <a:pt x="71753" y="76032"/>
                  <a:pt x="80013" y="69669"/>
                  <a:pt x="86941" y="61987"/>
                </a:cubicBezTo>
                <a:cubicBezTo>
                  <a:pt x="91485" y="56365"/>
                  <a:pt x="93918" y="49326"/>
                  <a:pt x="93815" y="42102"/>
                </a:cubicBezTo>
                <a:cubicBezTo>
                  <a:pt x="94022" y="35701"/>
                  <a:pt x="91480" y="29517"/>
                  <a:pt x="86832" y="25105"/>
                </a:cubicBezTo>
                <a:cubicBezTo>
                  <a:pt x="81720" y="20545"/>
                  <a:pt x="75021" y="18175"/>
                  <a:pt x="68174" y="18513"/>
                </a:cubicBezTo>
                <a:cubicBezTo>
                  <a:pt x="61044" y="18191"/>
                  <a:pt x="54045" y="20523"/>
                  <a:pt x="48535" y="25050"/>
                </a:cubicBezTo>
                <a:cubicBezTo>
                  <a:pt x="43407" y="29447"/>
                  <a:pt x="40609" y="35962"/>
                  <a:pt x="40952" y="42702"/>
                </a:cubicBezTo>
                <a:close/>
              </a:path>
            </a:pathLst>
          </a:custGeom>
          <a:solidFill>
            <a:srgbClr val="FFFFFF"/>
          </a:solidFill>
          <a:ln w="5445" cap="flat">
            <a:noFill/>
            <a:prstDash val="solid"/>
            <a:miter/>
          </a:ln>
        </p:spPr>
        <p:txBody>
          <a:bodyPr rtlCol="0" anchor="ctr"/>
          <a:lstStyle/>
          <a:p>
            <a:endParaRPr lang="en-US"/>
          </a:p>
        </p:txBody>
      </p:sp>
      <p:sp>
        <p:nvSpPr>
          <p:cNvPr id="39" name="Freeform: Shape 38">
            <a:extLst>
              <a:ext uri="{FF2B5EF4-FFF2-40B4-BE49-F238E27FC236}">
                <a16:creationId xmlns:a16="http://schemas.microsoft.com/office/drawing/2014/main" id="{134CB823-F64E-43F1-95D7-C9691C5062E7}"/>
              </a:ext>
            </a:extLst>
          </p:cNvPr>
          <p:cNvSpPr/>
          <p:nvPr/>
        </p:nvSpPr>
        <p:spPr>
          <a:xfrm>
            <a:off x="1992569" y="723738"/>
            <a:ext cx="158531" cy="198360"/>
          </a:xfrm>
          <a:custGeom>
            <a:avLst/>
            <a:gdLst>
              <a:gd name="connsiteX0" fmla="*/ 158532 w 158531"/>
              <a:gd name="connsiteY0" fmla="*/ 97301 h 198360"/>
              <a:gd name="connsiteX1" fmla="*/ 131801 w 158531"/>
              <a:gd name="connsiteY1" fmla="*/ 172374 h 198360"/>
              <a:gd name="connsiteX2" fmla="*/ 54990 w 158531"/>
              <a:gd name="connsiteY2" fmla="*/ 198360 h 198360"/>
              <a:gd name="connsiteX3" fmla="*/ 0 w 158531"/>
              <a:gd name="connsiteY3" fmla="*/ 198360 h 198360"/>
              <a:gd name="connsiteX4" fmla="*/ 0 w 158531"/>
              <a:gd name="connsiteY4" fmla="*/ 0 h 198360"/>
              <a:gd name="connsiteX5" fmla="*/ 60827 w 158531"/>
              <a:gd name="connsiteY5" fmla="*/ 0 h 198360"/>
              <a:gd name="connsiteX6" fmla="*/ 132837 w 158531"/>
              <a:gd name="connsiteY6" fmla="*/ 25660 h 198360"/>
              <a:gd name="connsiteX7" fmla="*/ 158532 w 158531"/>
              <a:gd name="connsiteY7" fmla="*/ 97301 h 198360"/>
              <a:gd name="connsiteX8" fmla="*/ 134092 w 158531"/>
              <a:gd name="connsiteY8" fmla="*/ 98118 h 198360"/>
              <a:gd name="connsiteX9" fmla="*/ 114562 w 158531"/>
              <a:gd name="connsiteY9" fmla="*/ 39607 h 198360"/>
              <a:gd name="connsiteX10" fmla="*/ 56626 w 158531"/>
              <a:gd name="connsiteY10" fmla="*/ 19940 h 198360"/>
              <a:gd name="connsiteX11" fmla="*/ 23076 w 158531"/>
              <a:gd name="connsiteY11" fmla="*/ 19940 h 198360"/>
              <a:gd name="connsiteX12" fmla="*/ 23076 w 158531"/>
              <a:gd name="connsiteY12" fmla="*/ 178421 h 198360"/>
              <a:gd name="connsiteX13" fmla="*/ 51226 w 158531"/>
              <a:gd name="connsiteY13" fmla="*/ 178421 h 198360"/>
              <a:gd name="connsiteX14" fmla="*/ 113307 w 158531"/>
              <a:gd name="connsiteY14" fmla="*/ 158154 h 198360"/>
              <a:gd name="connsiteX15" fmla="*/ 134092 w 158531"/>
              <a:gd name="connsiteY15" fmla="*/ 98118 h 1983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58531" h="198360">
                <a:moveTo>
                  <a:pt x="158532" y="97301"/>
                </a:moveTo>
                <a:cubicBezTo>
                  <a:pt x="158532" y="129988"/>
                  <a:pt x="149623" y="155011"/>
                  <a:pt x="131801" y="172374"/>
                </a:cubicBezTo>
                <a:cubicBezTo>
                  <a:pt x="113978" y="189736"/>
                  <a:pt x="88376" y="198399"/>
                  <a:pt x="54990" y="198360"/>
                </a:cubicBezTo>
                <a:lnTo>
                  <a:pt x="0" y="198360"/>
                </a:lnTo>
                <a:lnTo>
                  <a:pt x="0" y="0"/>
                </a:lnTo>
                <a:lnTo>
                  <a:pt x="60827" y="0"/>
                </a:lnTo>
                <a:cubicBezTo>
                  <a:pt x="91704" y="0"/>
                  <a:pt x="115708" y="8553"/>
                  <a:pt x="132837" y="25660"/>
                </a:cubicBezTo>
                <a:cubicBezTo>
                  <a:pt x="149967" y="42767"/>
                  <a:pt x="158532" y="66645"/>
                  <a:pt x="158532" y="97301"/>
                </a:cubicBezTo>
                <a:close/>
                <a:moveTo>
                  <a:pt x="134092" y="98118"/>
                </a:moveTo>
                <a:cubicBezTo>
                  <a:pt x="134092" y="72256"/>
                  <a:pt x="127584" y="52753"/>
                  <a:pt x="114562" y="39607"/>
                </a:cubicBezTo>
                <a:cubicBezTo>
                  <a:pt x="101540" y="26461"/>
                  <a:pt x="82228" y="19901"/>
                  <a:pt x="56626" y="19940"/>
                </a:cubicBezTo>
                <a:lnTo>
                  <a:pt x="23076" y="19940"/>
                </a:lnTo>
                <a:lnTo>
                  <a:pt x="23076" y="178421"/>
                </a:lnTo>
                <a:lnTo>
                  <a:pt x="51226" y="178421"/>
                </a:lnTo>
                <a:cubicBezTo>
                  <a:pt x="78720" y="178421"/>
                  <a:pt x="99412" y="171665"/>
                  <a:pt x="113307" y="158154"/>
                </a:cubicBezTo>
                <a:cubicBezTo>
                  <a:pt x="127202" y="144644"/>
                  <a:pt x="134130" y="124633"/>
                  <a:pt x="134092" y="98118"/>
                </a:cubicBezTo>
                <a:close/>
              </a:path>
            </a:pathLst>
          </a:custGeom>
          <a:solidFill>
            <a:srgbClr val="FFFFFF"/>
          </a:solidFill>
          <a:ln w="5445" cap="flat">
            <a:noFill/>
            <a:prstDash val="solid"/>
            <a:miter/>
          </a:ln>
        </p:spPr>
        <p:txBody>
          <a:bodyPr rtlCol="0" anchor="ctr"/>
          <a:lstStyle/>
          <a:p>
            <a:endParaRPr lang="en-US"/>
          </a:p>
        </p:txBody>
      </p:sp>
      <p:sp>
        <p:nvSpPr>
          <p:cNvPr id="40" name="Freeform: Shape 39">
            <a:extLst>
              <a:ext uri="{FF2B5EF4-FFF2-40B4-BE49-F238E27FC236}">
                <a16:creationId xmlns:a16="http://schemas.microsoft.com/office/drawing/2014/main" id="{5F332849-8BDB-4368-8AF5-033C1D5854B6}"/>
              </a:ext>
            </a:extLst>
          </p:cNvPr>
          <p:cNvSpPr/>
          <p:nvPr/>
        </p:nvSpPr>
        <p:spPr>
          <a:xfrm>
            <a:off x="2183669" y="770798"/>
            <a:ext cx="126091" cy="154201"/>
          </a:xfrm>
          <a:custGeom>
            <a:avLst/>
            <a:gdLst>
              <a:gd name="connsiteX0" fmla="*/ 71192 w 126091"/>
              <a:gd name="connsiteY0" fmla="*/ 154188 h 154201"/>
              <a:gd name="connsiteX1" fmla="*/ 19094 w 126091"/>
              <a:gd name="connsiteY1" fmla="*/ 134085 h 154201"/>
              <a:gd name="connsiteX2" fmla="*/ 0 w 126091"/>
              <a:gd name="connsiteY2" fmla="*/ 78352 h 154201"/>
              <a:gd name="connsiteX3" fmla="*/ 17730 w 126091"/>
              <a:gd name="connsiteY3" fmla="*/ 21203 h 154201"/>
              <a:gd name="connsiteX4" fmla="*/ 65355 w 126091"/>
              <a:gd name="connsiteY4" fmla="*/ 65 h 154201"/>
              <a:gd name="connsiteX5" fmla="*/ 109652 w 126091"/>
              <a:gd name="connsiteY5" fmla="*/ 18425 h 154201"/>
              <a:gd name="connsiteX6" fmla="*/ 126018 w 126091"/>
              <a:gd name="connsiteY6" fmla="*/ 66966 h 154201"/>
              <a:gd name="connsiteX7" fmla="*/ 126018 w 126091"/>
              <a:gd name="connsiteY7" fmla="*/ 81185 h 154201"/>
              <a:gd name="connsiteX8" fmla="*/ 23458 w 126091"/>
              <a:gd name="connsiteY8" fmla="*/ 81185 h 154201"/>
              <a:gd name="connsiteX9" fmla="*/ 36714 w 126091"/>
              <a:gd name="connsiteY9" fmla="*/ 120955 h 154201"/>
              <a:gd name="connsiteX10" fmla="*/ 72065 w 126091"/>
              <a:gd name="connsiteY10" fmla="*/ 134521 h 154201"/>
              <a:gd name="connsiteX11" fmla="*/ 119635 w 126091"/>
              <a:gd name="connsiteY11" fmla="*/ 124442 h 154201"/>
              <a:gd name="connsiteX12" fmla="*/ 119635 w 126091"/>
              <a:gd name="connsiteY12" fmla="*/ 144545 h 154201"/>
              <a:gd name="connsiteX13" fmla="*/ 96996 w 126091"/>
              <a:gd name="connsiteY13" fmla="*/ 151954 h 154201"/>
              <a:gd name="connsiteX14" fmla="*/ 71192 w 126091"/>
              <a:gd name="connsiteY14" fmla="*/ 154188 h 154201"/>
              <a:gd name="connsiteX15" fmla="*/ 65300 w 126091"/>
              <a:gd name="connsiteY15" fmla="*/ 18751 h 154201"/>
              <a:gd name="connsiteX16" fmla="*/ 36714 w 126091"/>
              <a:gd name="connsiteY16" fmla="*/ 30410 h 154201"/>
              <a:gd name="connsiteX17" fmla="*/ 24167 w 126091"/>
              <a:gd name="connsiteY17" fmla="*/ 62717 h 154201"/>
              <a:gd name="connsiteX18" fmla="*/ 102015 w 126091"/>
              <a:gd name="connsiteY18" fmla="*/ 62717 h 154201"/>
              <a:gd name="connsiteX19" fmla="*/ 92468 w 126091"/>
              <a:gd name="connsiteY19" fmla="*/ 30029 h 154201"/>
              <a:gd name="connsiteX20" fmla="*/ 65300 w 126091"/>
              <a:gd name="connsiteY20" fmla="*/ 18751 h 154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26091" h="154201">
                <a:moveTo>
                  <a:pt x="71192" y="154188"/>
                </a:moveTo>
                <a:cubicBezTo>
                  <a:pt x="49371" y="154188"/>
                  <a:pt x="32006" y="147487"/>
                  <a:pt x="19094" y="134085"/>
                </a:cubicBezTo>
                <a:cubicBezTo>
                  <a:pt x="6383" y="120737"/>
                  <a:pt x="0" y="102105"/>
                  <a:pt x="0" y="78352"/>
                </a:cubicBezTo>
                <a:cubicBezTo>
                  <a:pt x="0" y="54599"/>
                  <a:pt x="5946" y="35313"/>
                  <a:pt x="17730" y="21203"/>
                </a:cubicBezTo>
                <a:cubicBezTo>
                  <a:pt x="29453" y="7147"/>
                  <a:pt x="47052" y="-665"/>
                  <a:pt x="65355" y="65"/>
                </a:cubicBezTo>
                <a:cubicBezTo>
                  <a:pt x="82125" y="-741"/>
                  <a:pt x="98381" y="5998"/>
                  <a:pt x="109652" y="18425"/>
                </a:cubicBezTo>
                <a:cubicBezTo>
                  <a:pt x="120983" y="32001"/>
                  <a:pt x="126820" y="49314"/>
                  <a:pt x="126018" y="66966"/>
                </a:cubicBezTo>
                <a:lnTo>
                  <a:pt x="126018" y="81185"/>
                </a:lnTo>
                <a:lnTo>
                  <a:pt x="23458" y="81185"/>
                </a:lnTo>
                <a:cubicBezTo>
                  <a:pt x="23894" y="98619"/>
                  <a:pt x="28313" y="111912"/>
                  <a:pt x="36714" y="120955"/>
                </a:cubicBezTo>
                <a:cubicBezTo>
                  <a:pt x="45978" y="130375"/>
                  <a:pt x="58869" y="135322"/>
                  <a:pt x="72065" y="134521"/>
                </a:cubicBezTo>
                <a:cubicBezTo>
                  <a:pt x="88442" y="134439"/>
                  <a:pt x="104633" y="131007"/>
                  <a:pt x="119635" y="124442"/>
                </a:cubicBezTo>
                <a:lnTo>
                  <a:pt x="119635" y="144545"/>
                </a:lnTo>
                <a:cubicBezTo>
                  <a:pt x="112353" y="147748"/>
                  <a:pt x="104770" y="150233"/>
                  <a:pt x="96996" y="151954"/>
                </a:cubicBezTo>
                <a:cubicBezTo>
                  <a:pt x="88491" y="153567"/>
                  <a:pt x="79844" y="154313"/>
                  <a:pt x="71192" y="154188"/>
                </a:cubicBezTo>
                <a:close/>
                <a:moveTo>
                  <a:pt x="65300" y="18751"/>
                </a:moveTo>
                <a:cubicBezTo>
                  <a:pt x="54521" y="18250"/>
                  <a:pt x="44063" y="22516"/>
                  <a:pt x="36714" y="30410"/>
                </a:cubicBezTo>
                <a:cubicBezTo>
                  <a:pt x="29088" y="39508"/>
                  <a:pt x="24680" y="50862"/>
                  <a:pt x="24167" y="62717"/>
                </a:cubicBezTo>
                <a:lnTo>
                  <a:pt x="102015" y="62717"/>
                </a:lnTo>
                <a:cubicBezTo>
                  <a:pt x="102795" y="51036"/>
                  <a:pt x="99412" y="39459"/>
                  <a:pt x="92468" y="30029"/>
                </a:cubicBezTo>
                <a:cubicBezTo>
                  <a:pt x="85649" y="22271"/>
                  <a:pt x="75616" y="18109"/>
                  <a:pt x="65300" y="18751"/>
                </a:cubicBezTo>
                <a:close/>
              </a:path>
            </a:pathLst>
          </a:custGeom>
          <a:solidFill>
            <a:srgbClr val="FFFFFF"/>
          </a:solidFill>
          <a:ln w="5445" cap="flat">
            <a:noFill/>
            <a:prstDash val="solid"/>
            <a:miter/>
          </a:ln>
        </p:spPr>
        <p:txBody>
          <a:bodyPr rtlCol="0" anchor="ctr"/>
          <a:lstStyle/>
          <a:p>
            <a:endParaRPr lang="en-US"/>
          </a:p>
        </p:txBody>
      </p:sp>
      <p:sp>
        <p:nvSpPr>
          <p:cNvPr id="41" name="Freeform: Shape 40">
            <a:extLst>
              <a:ext uri="{FF2B5EF4-FFF2-40B4-BE49-F238E27FC236}">
                <a16:creationId xmlns:a16="http://schemas.microsoft.com/office/drawing/2014/main" id="{3A27EF3E-9921-400B-B77D-C8EF4D82ABF0}"/>
              </a:ext>
            </a:extLst>
          </p:cNvPr>
          <p:cNvSpPr/>
          <p:nvPr/>
        </p:nvSpPr>
        <p:spPr>
          <a:xfrm>
            <a:off x="2338423" y="770755"/>
            <a:ext cx="105727" cy="154230"/>
          </a:xfrm>
          <a:custGeom>
            <a:avLst/>
            <a:gdLst>
              <a:gd name="connsiteX0" fmla="*/ 105684 w 105727"/>
              <a:gd name="connsiteY0" fmla="*/ 110647 h 154230"/>
              <a:gd name="connsiteX1" fmla="*/ 90190 w 105727"/>
              <a:gd name="connsiteY1" fmla="*/ 142681 h 154230"/>
              <a:gd name="connsiteX2" fmla="*/ 46930 w 105727"/>
              <a:gd name="connsiteY2" fmla="*/ 154231 h 154230"/>
              <a:gd name="connsiteX3" fmla="*/ 723 w 105727"/>
              <a:gd name="connsiteY3" fmla="*/ 144860 h 154230"/>
              <a:gd name="connsiteX4" fmla="*/ 723 w 105727"/>
              <a:gd name="connsiteY4" fmla="*/ 123994 h 154230"/>
              <a:gd name="connsiteX5" fmla="*/ 23744 w 105727"/>
              <a:gd name="connsiteY5" fmla="*/ 132493 h 154230"/>
              <a:gd name="connsiteX6" fmla="*/ 47421 w 105727"/>
              <a:gd name="connsiteY6" fmla="*/ 135653 h 154230"/>
              <a:gd name="connsiteX7" fmla="*/ 74697 w 105727"/>
              <a:gd name="connsiteY7" fmla="*/ 130205 h 154230"/>
              <a:gd name="connsiteX8" fmla="*/ 81527 w 105727"/>
              <a:gd name="connsiteY8" fmla="*/ 103717 h 154230"/>
              <a:gd name="connsiteX9" fmla="*/ 76661 w 105727"/>
              <a:gd name="connsiteY9" fmla="*/ 98226 h 154230"/>
              <a:gd name="connsiteX10" fmla="*/ 46930 w 105727"/>
              <a:gd name="connsiteY10" fmla="*/ 83407 h 154230"/>
              <a:gd name="connsiteX11" fmla="*/ 17362 w 105727"/>
              <a:gd name="connsiteY11" fmla="*/ 69896 h 154230"/>
              <a:gd name="connsiteX12" fmla="*/ 4324 w 105727"/>
              <a:gd name="connsiteY12" fmla="*/ 56821 h 154230"/>
              <a:gd name="connsiteX13" fmla="*/ 14 w 105727"/>
              <a:gd name="connsiteY13" fmla="*/ 39333 h 154230"/>
              <a:gd name="connsiteX14" fmla="*/ 14852 w 105727"/>
              <a:gd name="connsiteY14" fmla="*/ 10622 h 154230"/>
              <a:gd name="connsiteX15" fmla="*/ 55440 w 105727"/>
              <a:gd name="connsiteY15" fmla="*/ 108 h 154230"/>
              <a:gd name="connsiteX16" fmla="*/ 102465 w 105727"/>
              <a:gd name="connsiteY16" fmla="*/ 9860 h 154230"/>
              <a:gd name="connsiteX17" fmla="*/ 94446 w 105727"/>
              <a:gd name="connsiteY17" fmla="*/ 28165 h 154230"/>
              <a:gd name="connsiteX18" fmla="*/ 53803 w 105727"/>
              <a:gd name="connsiteY18" fmla="*/ 18958 h 154230"/>
              <a:gd name="connsiteX19" fmla="*/ 29636 w 105727"/>
              <a:gd name="connsiteY19" fmla="*/ 23970 h 154230"/>
              <a:gd name="connsiteX20" fmla="*/ 21508 w 105727"/>
              <a:gd name="connsiteY20" fmla="*/ 37808 h 154230"/>
              <a:gd name="connsiteX21" fmla="*/ 24563 w 105727"/>
              <a:gd name="connsiteY21" fmla="*/ 47995 h 154230"/>
              <a:gd name="connsiteX22" fmla="*/ 34382 w 105727"/>
              <a:gd name="connsiteY22" fmla="*/ 56004 h 154230"/>
              <a:gd name="connsiteX23" fmla="*/ 60513 w 105727"/>
              <a:gd name="connsiteY23" fmla="*/ 66900 h 154230"/>
              <a:gd name="connsiteX24" fmla="*/ 96300 w 105727"/>
              <a:gd name="connsiteY24" fmla="*/ 86295 h 154230"/>
              <a:gd name="connsiteX25" fmla="*/ 105684 w 105727"/>
              <a:gd name="connsiteY25" fmla="*/ 110647 h 154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05727" h="154230">
                <a:moveTo>
                  <a:pt x="105684" y="110647"/>
                </a:moveTo>
                <a:cubicBezTo>
                  <a:pt x="106295" y="123259"/>
                  <a:pt x="100463" y="135321"/>
                  <a:pt x="90190" y="142681"/>
                </a:cubicBezTo>
                <a:cubicBezTo>
                  <a:pt x="79896" y="150379"/>
                  <a:pt x="65478" y="154231"/>
                  <a:pt x="46930" y="154231"/>
                </a:cubicBezTo>
                <a:cubicBezTo>
                  <a:pt x="27181" y="154231"/>
                  <a:pt x="11743" y="151125"/>
                  <a:pt x="723" y="144860"/>
                </a:cubicBezTo>
                <a:lnTo>
                  <a:pt x="723" y="123994"/>
                </a:lnTo>
                <a:cubicBezTo>
                  <a:pt x="8060" y="127661"/>
                  <a:pt x="15785" y="130510"/>
                  <a:pt x="23744" y="132493"/>
                </a:cubicBezTo>
                <a:cubicBezTo>
                  <a:pt x="31469" y="134547"/>
                  <a:pt x="39429" y="135610"/>
                  <a:pt x="47421" y="135653"/>
                </a:cubicBezTo>
                <a:cubicBezTo>
                  <a:pt x="56831" y="136247"/>
                  <a:pt x="66236" y="134373"/>
                  <a:pt x="74697" y="130205"/>
                </a:cubicBezTo>
                <a:cubicBezTo>
                  <a:pt x="83906" y="124774"/>
                  <a:pt x="86966" y="112913"/>
                  <a:pt x="81527" y="103717"/>
                </a:cubicBezTo>
                <a:cubicBezTo>
                  <a:pt x="80267" y="101592"/>
                  <a:pt x="78620" y="99729"/>
                  <a:pt x="76661" y="98226"/>
                </a:cubicBezTo>
                <a:cubicBezTo>
                  <a:pt x="67496" y="91922"/>
                  <a:pt x="57486" y="86932"/>
                  <a:pt x="46930" y="83407"/>
                </a:cubicBezTo>
                <a:cubicBezTo>
                  <a:pt x="36635" y="79931"/>
                  <a:pt x="26723" y="75404"/>
                  <a:pt x="17362" y="69896"/>
                </a:cubicBezTo>
                <a:cubicBezTo>
                  <a:pt x="12059" y="66606"/>
                  <a:pt x="7597" y="62127"/>
                  <a:pt x="4324" y="56821"/>
                </a:cubicBezTo>
                <a:cubicBezTo>
                  <a:pt x="1328" y="51488"/>
                  <a:pt x="-161" y="45446"/>
                  <a:pt x="14" y="39333"/>
                </a:cubicBezTo>
                <a:cubicBezTo>
                  <a:pt x="-314" y="27849"/>
                  <a:pt x="5289" y="17007"/>
                  <a:pt x="14852" y="10622"/>
                </a:cubicBezTo>
                <a:cubicBezTo>
                  <a:pt x="26958" y="2984"/>
                  <a:pt x="41147" y="-693"/>
                  <a:pt x="55440" y="108"/>
                </a:cubicBezTo>
                <a:cubicBezTo>
                  <a:pt x="71615" y="146"/>
                  <a:pt x="87610" y="3464"/>
                  <a:pt x="102465" y="9860"/>
                </a:cubicBezTo>
                <a:lnTo>
                  <a:pt x="94446" y="28165"/>
                </a:lnTo>
                <a:cubicBezTo>
                  <a:pt x="81620" y="22510"/>
                  <a:pt x="67818" y="19383"/>
                  <a:pt x="53803" y="18958"/>
                </a:cubicBezTo>
                <a:cubicBezTo>
                  <a:pt x="45446" y="18451"/>
                  <a:pt x="37105" y="20184"/>
                  <a:pt x="29636" y="23970"/>
                </a:cubicBezTo>
                <a:cubicBezTo>
                  <a:pt x="24574" y="26726"/>
                  <a:pt x="21448" y="32049"/>
                  <a:pt x="21508" y="37808"/>
                </a:cubicBezTo>
                <a:cubicBezTo>
                  <a:pt x="21360" y="41447"/>
                  <a:pt x="22435" y="45037"/>
                  <a:pt x="24563" y="47995"/>
                </a:cubicBezTo>
                <a:cubicBezTo>
                  <a:pt x="27236" y="51324"/>
                  <a:pt x="30585" y="54048"/>
                  <a:pt x="34382" y="56004"/>
                </a:cubicBezTo>
                <a:cubicBezTo>
                  <a:pt x="42854" y="60182"/>
                  <a:pt x="51583" y="63822"/>
                  <a:pt x="60513" y="66900"/>
                </a:cubicBezTo>
                <a:cubicBezTo>
                  <a:pt x="78150" y="73258"/>
                  <a:pt x="90081" y="79719"/>
                  <a:pt x="96300" y="86295"/>
                </a:cubicBezTo>
                <a:cubicBezTo>
                  <a:pt x="102525" y="92854"/>
                  <a:pt x="105902" y="101609"/>
                  <a:pt x="105684" y="110647"/>
                </a:cubicBezTo>
                <a:close/>
              </a:path>
            </a:pathLst>
          </a:custGeom>
          <a:solidFill>
            <a:srgbClr val="FFFFFF"/>
          </a:solidFill>
          <a:ln w="5445" cap="flat">
            <a:noFill/>
            <a:prstDash val="solid"/>
            <a:miter/>
          </a:ln>
        </p:spPr>
        <p:txBody>
          <a:bodyPr rtlCol="0" anchor="ctr"/>
          <a:lstStyle/>
          <a:p>
            <a:endParaRPr lang="en-US"/>
          </a:p>
        </p:txBody>
      </p:sp>
      <p:sp>
        <p:nvSpPr>
          <p:cNvPr id="42" name="Freeform: Shape 41">
            <a:extLst>
              <a:ext uri="{FF2B5EF4-FFF2-40B4-BE49-F238E27FC236}">
                <a16:creationId xmlns:a16="http://schemas.microsoft.com/office/drawing/2014/main" id="{4C890CC3-6DFE-43C7-AF2C-4DAD76B70D13}"/>
              </a:ext>
            </a:extLst>
          </p:cNvPr>
          <p:cNvSpPr/>
          <p:nvPr/>
        </p:nvSpPr>
        <p:spPr>
          <a:xfrm>
            <a:off x="2478854" y="718174"/>
            <a:ext cx="26728" cy="203924"/>
          </a:xfrm>
          <a:custGeom>
            <a:avLst/>
            <a:gdLst>
              <a:gd name="connsiteX0" fmla="*/ 58 w 26728"/>
              <a:gd name="connsiteY0" fmla="*/ 14934 h 203924"/>
              <a:gd name="connsiteX1" fmla="*/ 3876 w 26728"/>
              <a:gd name="connsiteY1" fmla="*/ 3603 h 203924"/>
              <a:gd name="connsiteX2" fmla="*/ 13369 w 26728"/>
              <a:gd name="connsiteY2" fmla="*/ 7 h 203924"/>
              <a:gd name="connsiteX3" fmla="*/ 22752 w 26728"/>
              <a:gd name="connsiteY3" fmla="*/ 3657 h 203924"/>
              <a:gd name="connsiteX4" fmla="*/ 26680 w 26728"/>
              <a:gd name="connsiteY4" fmla="*/ 14934 h 203924"/>
              <a:gd name="connsiteX5" fmla="*/ 22752 w 26728"/>
              <a:gd name="connsiteY5" fmla="*/ 26266 h 203924"/>
              <a:gd name="connsiteX6" fmla="*/ 13369 w 26728"/>
              <a:gd name="connsiteY6" fmla="*/ 30025 h 203924"/>
              <a:gd name="connsiteX7" fmla="*/ 3876 w 26728"/>
              <a:gd name="connsiteY7" fmla="*/ 26266 h 203924"/>
              <a:gd name="connsiteX8" fmla="*/ 58 w 26728"/>
              <a:gd name="connsiteY8" fmla="*/ 14934 h 203924"/>
              <a:gd name="connsiteX9" fmla="*/ 24498 w 26728"/>
              <a:gd name="connsiteY9" fmla="*/ 203924 h 203924"/>
              <a:gd name="connsiteX10" fmla="*/ 1967 w 26728"/>
              <a:gd name="connsiteY10" fmla="*/ 203924 h 203924"/>
              <a:gd name="connsiteX11" fmla="*/ 1967 w 26728"/>
              <a:gd name="connsiteY11" fmla="*/ 55249 h 203924"/>
              <a:gd name="connsiteX12" fmla="*/ 24498 w 26728"/>
              <a:gd name="connsiteY12" fmla="*/ 55249 h 203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6728" h="203924">
                <a:moveTo>
                  <a:pt x="58" y="14934"/>
                </a:moveTo>
                <a:cubicBezTo>
                  <a:pt x="-308" y="10789"/>
                  <a:pt x="1078" y="6686"/>
                  <a:pt x="3876" y="3603"/>
                </a:cubicBezTo>
                <a:cubicBezTo>
                  <a:pt x="6435" y="1189"/>
                  <a:pt x="9850" y="-107"/>
                  <a:pt x="13369" y="7"/>
                </a:cubicBezTo>
                <a:cubicBezTo>
                  <a:pt x="16849" y="-15"/>
                  <a:pt x="20204" y="1287"/>
                  <a:pt x="22752" y="3657"/>
                </a:cubicBezTo>
                <a:cubicBezTo>
                  <a:pt x="25594" y="6697"/>
                  <a:pt x="27018" y="10789"/>
                  <a:pt x="26680" y="14934"/>
                </a:cubicBezTo>
                <a:cubicBezTo>
                  <a:pt x="27007" y="19091"/>
                  <a:pt x="25583" y="23199"/>
                  <a:pt x="22752" y="26266"/>
                </a:cubicBezTo>
                <a:cubicBezTo>
                  <a:pt x="20242" y="28707"/>
                  <a:pt x="16871" y="30058"/>
                  <a:pt x="13369" y="30025"/>
                </a:cubicBezTo>
                <a:cubicBezTo>
                  <a:pt x="9823" y="30134"/>
                  <a:pt x="6386" y="28772"/>
                  <a:pt x="3876" y="26266"/>
                </a:cubicBezTo>
                <a:cubicBezTo>
                  <a:pt x="1100" y="23172"/>
                  <a:pt x="-281" y="19075"/>
                  <a:pt x="58" y="14934"/>
                </a:cubicBezTo>
                <a:close/>
                <a:moveTo>
                  <a:pt x="24498" y="203924"/>
                </a:moveTo>
                <a:lnTo>
                  <a:pt x="1967" y="203924"/>
                </a:lnTo>
                <a:lnTo>
                  <a:pt x="1967" y="55249"/>
                </a:lnTo>
                <a:lnTo>
                  <a:pt x="24498" y="55249"/>
                </a:lnTo>
                <a:close/>
              </a:path>
            </a:pathLst>
          </a:custGeom>
          <a:solidFill>
            <a:srgbClr val="FFFFFF"/>
          </a:solidFill>
          <a:ln w="5445" cap="flat">
            <a:noFill/>
            <a:prstDash val="solid"/>
            <a:miter/>
          </a:ln>
        </p:spPr>
        <p:txBody>
          <a:bodyPr rtlCol="0" anchor="ctr"/>
          <a:lstStyle/>
          <a:p>
            <a:endParaRPr lang="en-US"/>
          </a:p>
        </p:txBody>
      </p:sp>
      <p:sp>
        <p:nvSpPr>
          <p:cNvPr id="43" name="Freeform: Shape 42">
            <a:extLst>
              <a:ext uri="{FF2B5EF4-FFF2-40B4-BE49-F238E27FC236}">
                <a16:creationId xmlns:a16="http://schemas.microsoft.com/office/drawing/2014/main" id="{22161AFE-A1F4-43A8-BC7B-F63337F06BBD}"/>
              </a:ext>
            </a:extLst>
          </p:cNvPr>
          <p:cNvSpPr/>
          <p:nvPr/>
        </p:nvSpPr>
        <p:spPr>
          <a:xfrm>
            <a:off x="2532621" y="770473"/>
            <a:ext cx="140392" cy="218363"/>
          </a:xfrm>
          <a:custGeom>
            <a:avLst/>
            <a:gdLst>
              <a:gd name="connsiteX0" fmla="*/ 140392 w 140392"/>
              <a:gd name="connsiteY0" fmla="*/ 2951 h 218363"/>
              <a:gd name="connsiteX1" fmla="*/ 140392 w 140392"/>
              <a:gd name="connsiteY1" fmla="*/ 17170 h 218363"/>
              <a:gd name="connsiteX2" fmla="*/ 112843 w 140392"/>
              <a:gd name="connsiteY2" fmla="*/ 20439 h 218363"/>
              <a:gd name="connsiteX3" fmla="*/ 122608 w 140392"/>
              <a:gd name="connsiteY3" fmla="*/ 50130 h 218363"/>
              <a:gd name="connsiteX4" fmla="*/ 107660 w 140392"/>
              <a:gd name="connsiteY4" fmla="*/ 84997 h 218363"/>
              <a:gd name="connsiteX5" fmla="*/ 66636 w 140392"/>
              <a:gd name="connsiteY5" fmla="*/ 98018 h 218363"/>
              <a:gd name="connsiteX6" fmla="*/ 54143 w 140392"/>
              <a:gd name="connsiteY6" fmla="*/ 96928 h 218363"/>
              <a:gd name="connsiteX7" fmla="*/ 39741 w 140392"/>
              <a:gd name="connsiteY7" fmla="*/ 116105 h 218363"/>
              <a:gd name="connsiteX8" fmla="*/ 44760 w 140392"/>
              <a:gd name="connsiteY8" fmla="*/ 125094 h 218363"/>
              <a:gd name="connsiteX9" fmla="*/ 61999 w 140392"/>
              <a:gd name="connsiteY9" fmla="*/ 128036 h 218363"/>
              <a:gd name="connsiteX10" fmla="*/ 88403 w 140392"/>
              <a:gd name="connsiteY10" fmla="*/ 128036 h 218363"/>
              <a:gd name="connsiteX11" fmla="*/ 125554 w 140392"/>
              <a:gd name="connsiteY11" fmla="*/ 138224 h 218363"/>
              <a:gd name="connsiteX12" fmla="*/ 138483 w 140392"/>
              <a:gd name="connsiteY12" fmla="*/ 167752 h 218363"/>
              <a:gd name="connsiteX13" fmla="*/ 118680 w 140392"/>
              <a:gd name="connsiteY13" fmla="*/ 205397 h 218363"/>
              <a:gd name="connsiteX14" fmla="*/ 60799 w 140392"/>
              <a:gd name="connsiteY14" fmla="*/ 218363 h 218363"/>
              <a:gd name="connsiteX15" fmla="*/ 15792 w 140392"/>
              <a:gd name="connsiteY15" fmla="*/ 207467 h 218363"/>
              <a:gd name="connsiteX16" fmla="*/ 26 w 140392"/>
              <a:gd name="connsiteY16" fmla="*/ 176850 h 218363"/>
              <a:gd name="connsiteX17" fmla="*/ 8755 w 140392"/>
              <a:gd name="connsiteY17" fmla="*/ 153369 h 218363"/>
              <a:gd name="connsiteX18" fmla="*/ 33195 w 140392"/>
              <a:gd name="connsiteY18" fmla="*/ 139967 h 218363"/>
              <a:gd name="connsiteX19" fmla="*/ 23648 w 140392"/>
              <a:gd name="connsiteY19" fmla="*/ 131958 h 218363"/>
              <a:gd name="connsiteX20" fmla="*/ 19775 w 140392"/>
              <a:gd name="connsiteY20" fmla="*/ 119319 h 218363"/>
              <a:gd name="connsiteX21" fmla="*/ 24084 w 140392"/>
              <a:gd name="connsiteY21" fmla="*/ 105100 h 218363"/>
              <a:gd name="connsiteX22" fmla="*/ 37832 w 140392"/>
              <a:gd name="connsiteY22" fmla="*/ 93278 h 218363"/>
              <a:gd name="connsiteX23" fmla="*/ 19011 w 140392"/>
              <a:gd name="connsiteY23" fmla="*/ 76934 h 218363"/>
              <a:gd name="connsiteX24" fmla="*/ 11755 w 140392"/>
              <a:gd name="connsiteY24" fmla="*/ 50893 h 218363"/>
              <a:gd name="connsiteX25" fmla="*/ 26375 w 140392"/>
              <a:gd name="connsiteY25" fmla="*/ 13247 h 218363"/>
              <a:gd name="connsiteX26" fmla="*/ 67945 w 140392"/>
              <a:gd name="connsiteY26" fmla="*/ 9 h 218363"/>
              <a:gd name="connsiteX27" fmla="*/ 89057 w 140392"/>
              <a:gd name="connsiteY27" fmla="*/ 2733 h 218363"/>
              <a:gd name="connsiteX28" fmla="*/ 21848 w 140392"/>
              <a:gd name="connsiteY28" fmla="*/ 176577 h 218363"/>
              <a:gd name="connsiteX29" fmla="*/ 32049 w 140392"/>
              <a:gd name="connsiteY29" fmla="*/ 194882 h 218363"/>
              <a:gd name="connsiteX30" fmla="*/ 61235 w 140392"/>
              <a:gd name="connsiteY30" fmla="*/ 201148 h 218363"/>
              <a:gd name="connsiteX31" fmla="*/ 103296 w 140392"/>
              <a:gd name="connsiteY31" fmla="*/ 192649 h 218363"/>
              <a:gd name="connsiteX32" fmla="*/ 116934 w 140392"/>
              <a:gd name="connsiteY32" fmla="*/ 169658 h 218363"/>
              <a:gd name="connsiteX33" fmla="*/ 109460 w 140392"/>
              <a:gd name="connsiteY33" fmla="*/ 152933 h 218363"/>
              <a:gd name="connsiteX34" fmla="*/ 81365 w 140392"/>
              <a:gd name="connsiteY34" fmla="*/ 148248 h 218363"/>
              <a:gd name="connsiteX35" fmla="*/ 54089 w 140392"/>
              <a:gd name="connsiteY35" fmla="*/ 148248 h 218363"/>
              <a:gd name="connsiteX36" fmla="*/ 30194 w 140392"/>
              <a:gd name="connsiteY36" fmla="*/ 155548 h 218363"/>
              <a:gd name="connsiteX37" fmla="*/ 21848 w 140392"/>
              <a:gd name="connsiteY37" fmla="*/ 176577 h 218363"/>
              <a:gd name="connsiteX38" fmla="*/ 34068 w 140392"/>
              <a:gd name="connsiteY38" fmla="*/ 50566 h 218363"/>
              <a:gd name="connsiteX39" fmla="*/ 42905 w 140392"/>
              <a:gd name="connsiteY39" fmla="*/ 74155 h 218363"/>
              <a:gd name="connsiteX40" fmla="*/ 67509 w 140392"/>
              <a:gd name="connsiteY40" fmla="*/ 82164 h 218363"/>
              <a:gd name="connsiteX41" fmla="*/ 100514 w 140392"/>
              <a:gd name="connsiteY41" fmla="*/ 50130 h 218363"/>
              <a:gd name="connsiteX42" fmla="*/ 67072 w 140392"/>
              <a:gd name="connsiteY42" fmla="*/ 16625 h 218363"/>
              <a:gd name="connsiteX43" fmla="*/ 42632 w 140392"/>
              <a:gd name="connsiteY43" fmla="*/ 25178 h 218363"/>
              <a:gd name="connsiteX44" fmla="*/ 33904 w 140392"/>
              <a:gd name="connsiteY44" fmla="*/ 50566 h 218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140392" h="218363">
                <a:moveTo>
                  <a:pt x="140392" y="2951"/>
                </a:moveTo>
                <a:lnTo>
                  <a:pt x="140392" y="17170"/>
                </a:lnTo>
                <a:lnTo>
                  <a:pt x="112843" y="20439"/>
                </a:lnTo>
                <a:cubicBezTo>
                  <a:pt x="119269" y="28997"/>
                  <a:pt x="122700" y="39430"/>
                  <a:pt x="122608" y="50130"/>
                </a:cubicBezTo>
                <a:cubicBezTo>
                  <a:pt x="123213" y="63423"/>
                  <a:pt x="117709" y="76264"/>
                  <a:pt x="107660" y="84997"/>
                </a:cubicBezTo>
                <a:cubicBezTo>
                  <a:pt x="96067" y="94253"/>
                  <a:pt x="81453" y="98895"/>
                  <a:pt x="66636" y="98018"/>
                </a:cubicBezTo>
                <a:cubicBezTo>
                  <a:pt x="62446" y="98056"/>
                  <a:pt x="58262" y="97691"/>
                  <a:pt x="54143" y="96928"/>
                </a:cubicBezTo>
                <a:cubicBezTo>
                  <a:pt x="44542" y="102011"/>
                  <a:pt x="39741" y="108407"/>
                  <a:pt x="39741" y="116105"/>
                </a:cubicBezTo>
                <a:cubicBezTo>
                  <a:pt x="39566" y="119809"/>
                  <a:pt x="41509" y="123296"/>
                  <a:pt x="44760" y="125094"/>
                </a:cubicBezTo>
                <a:cubicBezTo>
                  <a:pt x="50183" y="127453"/>
                  <a:pt x="56102" y="128461"/>
                  <a:pt x="61999" y="128036"/>
                </a:cubicBezTo>
                <a:lnTo>
                  <a:pt x="88403" y="128036"/>
                </a:lnTo>
                <a:cubicBezTo>
                  <a:pt x="104512" y="128036"/>
                  <a:pt x="116896" y="131430"/>
                  <a:pt x="125554" y="138224"/>
                </a:cubicBezTo>
                <a:cubicBezTo>
                  <a:pt x="134375" y="145415"/>
                  <a:pt x="139186" y="156403"/>
                  <a:pt x="138483" y="167752"/>
                </a:cubicBezTo>
                <a:cubicBezTo>
                  <a:pt x="139154" y="182946"/>
                  <a:pt x="131587" y="197329"/>
                  <a:pt x="118680" y="205397"/>
                </a:cubicBezTo>
                <a:cubicBezTo>
                  <a:pt x="105440" y="214076"/>
                  <a:pt x="86150" y="218401"/>
                  <a:pt x="60799" y="218363"/>
                </a:cubicBezTo>
                <a:cubicBezTo>
                  <a:pt x="41307" y="218363"/>
                  <a:pt x="26305" y="214729"/>
                  <a:pt x="15792" y="207467"/>
                </a:cubicBezTo>
                <a:cubicBezTo>
                  <a:pt x="5531" y="200723"/>
                  <a:pt x="-448" y="189108"/>
                  <a:pt x="26" y="176850"/>
                </a:cubicBezTo>
                <a:cubicBezTo>
                  <a:pt x="-99" y="168209"/>
                  <a:pt x="3016" y="159836"/>
                  <a:pt x="8755" y="153369"/>
                </a:cubicBezTo>
                <a:cubicBezTo>
                  <a:pt x="15236" y="146379"/>
                  <a:pt x="23811" y="141678"/>
                  <a:pt x="33195" y="139967"/>
                </a:cubicBezTo>
                <a:cubicBezTo>
                  <a:pt x="29354" y="138196"/>
                  <a:pt x="26059" y="135434"/>
                  <a:pt x="23648" y="131958"/>
                </a:cubicBezTo>
                <a:cubicBezTo>
                  <a:pt x="21024" y="128270"/>
                  <a:pt x="19666" y="123841"/>
                  <a:pt x="19775" y="119319"/>
                </a:cubicBezTo>
                <a:cubicBezTo>
                  <a:pt x="19660" y="114242"/>
                  <a:pt x="21171" y="109262"/>
                  <a:pt x="24084" y="105100"/>
                </a:cubicBezTo>
                <a:cubicBezTo>
                  <a:pt x="27827" y="100278"/>
                  <a:pt x="32502" y="96258"/>
                  <a:pt x="37832" y="93278"/>
                </a:cubicBezTo>
                <a:cubicBezTo>
                  <a:pt x="29987" y="89949"/>
                  <a:pt x="23402" y="84229"/>
                  <a:pt x="19011" y="76934"/>
                </a:cubicBezTo>
                <a:cubicBezTo>
                  <a:pt x="14117" y="69138"/>
                  <a:pt x="11597" y="60094"/>
                  <a:pt x="11755" y="50893"/>
                </a:cubicBezTo>
                <a:cubicBezTo>
                  <a:pt x="10866" y="36810"/>
                  <a:pt x="16207" y="23048"/>
                  <a:pt x="26375" y="13247"/>
                </a:cubicBezTo>
                <a:cubicBezTo>
                  <a:pt x="36195" y="4421"/>
                  <a:pt x="50052" y="9"/>
                  <a:pt x="67945" y="9"/>
                </a:cubicBezTo>
                <a:cubicBezTo>
                  <a:pt x="75075" y="-100"/>
                  <a:pt x="82189" y="820"/>
                  <a:pt x="89057" y="2733"/>
                </a:cubicBezTo>
                <a:close/>
                <a:moveTo>
                  <a:pt x="21848" y="176577"/>
                </a:moveTo>
                <a:cubicBezTo>
                  <a:pt x="21542" y="184106"/>
                  <a:pt x="25481" y="191172"/>
                  <a:pt x="32049" y="194882"/>
                </a:cubicBezTo>
                <a:cubicBezTo>
                  <a:pt x="41029" y="199584"/>
                  <a:pt x="51115" y="201747"/>
                  <a:pt x="61235" y="201148"/>
                </a:cubicBezTo>
                <a:cubicBezTo>
                  <a:pt x="80181" y="201148"/>
                  <a:pt x="94202" y="198315"/>
                  <a:pt x="103296" y="192649"/>
                </a:cubicBezTo>
                <a:cubicBezTo>
                  <a:pt x="111752" y="188094"/>
                  <a:pt x="116994" y="179252"/>
                  <a:pt x="116934" y="169658"/>
                </a:cubicBezTo>
                <a:cubicBezTo>
                  <a:pt x="117649" y="163143"/>
                  <a:pt x="114796" y="156752"/>
                  <a:pt x="109460" y="152933"/>
                </a:cubicBezTo>
                <a:cubicBezTo>
                  <a:pt x="104496" y="149773"/>
                  <a:pt x="95113" y="148248"/>
                  <a:pt x="81365" y="148248"/>
                </a:cubicBezTo>
                <a:lnTo>
                  <a:pt x="54089" y="148248"/>
                </a:lnTo>
                <a:cubicBezTo>
                  <a:pt x="45502" y="147719"/>
                  <a:pt x="37013" y="150313"/>
                  <a:pt x="30194" y="155548"/>
                </a:cubicBezTo>
                <a:cubicBezTo>
                  <a:pt x="24368" y="160936"/>
                  <a:pt x="21302" y="168667"/>
                  <a:pt x="21848" y="176577"/>
                </a:cubicBezTo>
                <a:close/>
                <a:moveTo>
                  <a:pt x="34068" y="50566"/>
                </a:moveTo>
                <a:cubicBezTo>
                  <a:pt x="33440" y="59337"/>
                  <a:pt x="36664" y="67950"/>
                  <a:pt x="42905" y="74155"/>
                </a:cubicBezTo>
                <a:cubicBezTo>
                  <a:pt x="49795" y="79843"/>
                  <a:pt x="58589" y="82709"/>
                  <a:pt x="67509" y="82164"/>
                </a:cubicBezTo>
                <a:cubicBezTo>
                  <a:pt x="89330" y="82164"/>
                  <a:pt x="100333" y="71486"/>
                  <a:pt x="100514" y="50130"/>
                </a:cubicBezTo>
                <a:cubicBezTo>
                  <a:pt x="100514" y="27793"/>
                  <a:pt x="89368" y="16625"/>
                  <a:pt x="67072" y="16625"/>
                </a:cubicBezTo>
                <a:cubicBezTo>
                  <a:pt x="58093" y="15998"/>
                  <a:pt x="49255" y="19093"/>
                  <a:pt x="42632" y="25178"/>
                </a:cubicBezTo>
                <a:cubicBezTo>
                  <a:pt x="36397" y="32108"/>
                  <a:pt x="33249" y="41272"/>
                  <a:pt x="33904" y="50566"/>
                </a:cubicBezTo>
                <a:close/>
              </a:path>
            </a:pathLst>
          </a:custGeom>
          <a:solidFill>
            <a:srgbClr val="FFFFFF"/>
          </a:solidFill>
          <a:ln w="5445" cap="flat">
            <a:noFill/>
            <a:prstDash val="solid"/>
            <a:miter/>
          </a:ln>
        </p:spPr>
        <p:txBody>
          <a:bodyPr rtlCol="0" anchor="ctr"/>
          <a:lstStyle/>
          <a:p>
            <a:endParaRPr lang="en-US"/>
          </a:p>
        </p:txBody>
      </p:sp>
      <p:sp>
        <p:nvSpPr>
          <p:cNvPr id="44" name="Freeform: Shape 43">
            <a:extLst>
              <a:ext uri="{FF2B5EF4-FFF2-40B4-BE49-F238E27FC236}">
                <a16:creationId xmlns:a16="http://schemas.microsoft.com/office/drawing/2014/main" id="{EC46EEC2-F036-44F0-B8FE-4128F39BBF5D}"/>
              </a:ext>
            </a:extLst>
          </p:cNvPr>
          <p:cNvSpPr/>
          <p:nvPr/>
        </p:nvSpPr>
        <p:spPr>
          <a:xfrm>
            <a:off x="2703508" y="770693"/>
            <a:ext cx="124436" cy="151405"/>
          </a:xfrm>
          <a:custGeom>
            <a:avLst/>
            <a:gdLst>
              <a:gd name="connsiteX0" fmla="*/ 101906 w 124436"/>
              <a:gd name="connsiteY0" fmla="*/ 151405 h 151405"/>
              <a:gd name="connsiteX1" fmla="*/ 101906 w 124436"/>
              <a:gd name="connsiteY1" fmla="*/ 55194 h 151405"/>
              <a:gd name="connsiteX2" fmla="*/ 93614 w 124436"/>
              <a:gd name="connsiteY2" fmla="*/ 27954 h 151405"/>
              <a:gd name="connsiteX3" fmla="*/ 67701 w 124436"/>
              <a:gd name="connsiteY3" fmla="*/ 19020 h 151405"/>
              <a:gd name="connsiteX4" fmla="*/ 33441 w 124436"/>
              <a:gd name="connsiteY4" fmla="*/ 31659 h 151405"/>
              <a:gd name="connsiteX5" fmla="*/ 22531 w 124436"/>
              <a:gd name="connsiteY5" fmla="*/ 73282 h 151405"/>
              <a:gd name="connsiteX6" fmla="*/ 22531 w 124436"/>
              <a:gd name="connsiteY6" fmla="*/ 151296 h 151405"/>
              <a:gd name="connsiteX7" fmla="*/ 0 w 124436"/>
              <a:gd name="connsiteY7" fmla="*/ 151296 h 151405"/>
              <a:gd name="connsiteX8" fmla="*/ 0 w 124436"/>
              <a:gd name="connsiteY8" fmla="*/ 2730 h 151405"/>
              <a:gd name="connsiteX9" fmla="*/ 18330 w 124436"/>
              <a:gd name="connsiteY9" fmla="*/ 2730 h 151405"/>
              <a:gd name="connsiteX10" fmla="*/ 21985 w 124436"/>
              <a:gd name="connsiteY10" fmla="*/ 23051 h 151405"/>
              <a:gd name="connsiteX11" fmla="*/ 23076 w 124436"/>
              <a:gd name="connsiteY11" fmla="*/ 23051 h 151405"/>
              <a:gd name="connsiteX12" fmla="*/ 42497 w 124436"/>
              <a:gd name="connsiteY12" fmla="*/ 6054 h 151405"/>
              <a:gd name="connsiteX13" fmla="*/ 70374 w 124436"/>
              <a:gd name="connsiteY13" fmla="*/ 6 h 151405"/>
              <a:gd name="connsiteX14" fmla="*/ 110852 w 124436"/>
              <a:gd name="connsiteY14" fmla="*/ 12972 h 151405"/>
              <a:gd name="connsiteX15" fmla="*/ 124436 w 124436"/>
              <a:gd name="connsiteY15" fmla="*/ 54432 h 151405"/>
              <a:gd name="connsiteX16" fmla="*/ 124436 w 124436"/>
              <a:gd name="connsiteY16" fmla="*/ 151405 h 151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4436" h="151405">
                <a:moveTo>
                  <a:pt x="101906" y="151405"/>
                </a:moveTo>
                <a:lnTo>
                  <a:pt x="101906" y="55194"/>
                </a:lnTo>
                <a:cubicBezTo>
                  <a:pt x="102708" y="45393"/>
                  <a:pt x="99745" y="35652"/>
                  <a:pt x="93614" y="27954"/>
                </a:cubicBezTo>
                <a:cubicBezTo>
                  <a:pt x="86625" y="21455"/>
                  <a:pt x="77215" y="18213"/>
                  <a:pt x="67701" y="19020"/>
                </a:cubicBezTo>
                <a:cubicBezTo>
                  <a:pt x="52098" y="19020"/>
                  <a:pt x="40680" y="23231"/>
                  <a:pt x="33441" y="31659"/>
                </a:cubicBezTo>
                <a:cubicBezTo>
                  <a:pt x="26202" y="40087"/>
                  <a:pt x="22569" y="53958"/>
                  <a:pt x="22531" y="73282"/>
                </a:cubicBezTo>
                <a:lnTo>
                  <a:pt x="22531" y="151296"/>
                </a:lnTo>
                <a:lnTo>
                  <a:pt x="0" y="151296"/>
                </a:lnTo>
                <a:lnTo>
                  <a:pt x="0" y="2730"/>
                </a:lnTo>
                <a:lnTo>
                  <a:pt x="18330" y="2730"/>
                </a:lnTo>
                <a:lnTo>
                  <a:pt x="21985" y="23051"/>
                </a:lnTo>
                <a:lnTo>
                  <a:pt x="23076" y="23051"/>
                </a:lnTo>
                <a:cubicBezTo>
                  <a:pt x="27800" y="15658"/>
                  <a:pt x="34538" y="9764"/>
                  <a:pt x="42497" y="6054"/>
                </a:cubicBezTo>
                <a:cubicBezTo>
                  <a:pt x="51204" y="1940"/>
                  <a:pt x="60740" y="-130"/>
                  <a:pt x="70374" y="6"/>
                </a:cubicBezTo>
                <a:cubicBezTo>
                  <a:pt x="88267" y="6"/>
                  <a:pt x="101797" y="4310"/>
                  <a:pt x="110852" y="12972"/>
                </a:cubicBezTo>
                <a:cubicBezTo>
                  <a:pt x="119908" y="21635"/>
                  <a:pt x="124436" y="35418"/>
                  <a:pt x="124436" y="54432"/>
                </a:cubicBezTo>
                <a:lnTo>
                  <a:pt x="124436" y="151405"/>
                </a:lnTo>
                <a:close/>
              </a:path>
            </a:pathLst>
          </a:custGeom>
          <a:solidFill>
            <a:srgbClr val="FFFFFF"/>
          </a:solidFill>
          <a:ln w="5445" cap="flat">
            <a:noFill/>
            <a:prstDash val="solid"/>
            <a:miter/>
          </a:ln>
        </p:spPr>
        <p:txBody>
          <a:bodyPr rtlCol="0" anchor="ctr"/>
          <a:lstStyle/>
          <a:p>
            <a:endParaRPr lang="en-US"/>
          </a:p>
        </p:txBody>
      </p:sp>
      <p:grpSp>
        <p:nvGrpSpPr>
          <p:cNvPr id="45" name="Group 44">
            <a:extLst>
              <a:ext uri="{FF2B5EF4-FFF2-40B4-BE49-F238E27FC236}">
                <a16:creationId xmlns:a16="http://schemas.microsoft.com/office/drawing/2014/main" id="{23A676E0-DC98-4EE8-B889-2E8F100980D5}"/>
              </a:ext>
            </a:extLst>
          </p:cNvPr>
          <p:cNvGrpSpPr/>
          <p:nvPr userDrawn="1"/>
        </p:nvGrpSpPr>
        <p:grpSpPr>
          <a:xfrm>
            <a:off x="301428" y="311150"/>
            <a:ext cx="1276245" cy="725107"/>
            <a:chOff x="301429" y="316730"/>
            <a:chExt cx="1272014" cy="722703"/>
          </a:xfrm>
        </p:grpSpPr>
        <p:sp>
          <p:nvSpPr>
            <p:cNvPr id="46" name="Freeform: Shape 45">
              <a:extLst>
                <a:ext uri="{FF2B5EF4-FFF2-40B4-BE49-F238E27FC236}">
                  <a16:creationId xmlns:a16="http://schemas.microsoft.com/office/drawing/2014/main" id="{C9292400-5EFA-4B7F-8475-C8C8FFBFD7BC}"/>
                </a:ext>
              </a:extLst>
            </p:cNvPr>
            <p:cNvSpPr/>
            <p:nvPr/>
          </p:nvSpPr>
          <p:spPr>
            <a:xfrm>
              <a:off x="301429" y="316730"/>
              <a:ext cx="1272014" cy="722703"/>
            </a:xfrm>
            <a:custGeom>
              <a:avLst/>
              <a:gdLst>
                <a:gd name="connsiteX0" fmla="*/ 1198863 w 1272014"/>
                <a:gd name="connsiteY0" fmla="*/ 0 h 722703"/>
                <a:gd name="connsiteX1" fmla="*/ 73152 w 1272014"/>
                <a:gd name="connsiteY1" fmla="*/ 0 h 722703"/>
                <a:gd name="connsiteX2" fmla="*/ 0 w 1272014"/>
                <a:gd name="connsiteY2" fmla="*/ 73080 h 722703"/>
                <a:gd name="connsiteX3" fmla="*/ 0 w 1272014"/>
                <a:gd name="connsiteY3" fmla="*/ 649893 h 722703"/>
                <a:gd name="connsiteX4" fmla="*/ 68718 w 1272014"/>
                <a:gd name="connsiteY4" fmla="*/ 722703 h 722703"/>
                <a:gd name="connsiteX5" fmla="*/ 1203297 w 1272014"/>
                <a:gd name="connsiteY5" fmla="*/ 722703 h 722703"/>
                <a:gd name="connsiteX6" fmla="*/ 1272015 w 1272014"/>
                <a:gd name="connsiteY6" fmla="*/ 649677 h 722703"/>
                <a:gd name="connsiteX7" fmla="*/ 1272015 w 1272014"/>
                <a:gd name="connsiteY7" fmla="*/ 73080 h 722703"/>
                <a:gd name="connsiteX8" fmla="*/ 1198863 w 1272014"/>
                <a:gd name="connsiteY8" fmla="*/ 0 h 7227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72014" h="722703">
                  <a:moveTo>
                    <a:pt x="1198863" y="0"/>
                  </a:moveTo>
                  <a:lnTo>
                    <a:pt x="73152" y="0"/>
                  </a:lnTo>
                  <a:cubicBezTo>
                    <a:pt x="32755" y="60"/>
                    <a:pt x="30" y="32752"/>
                    <a:pt x="0" y="73080"/>
                  </a:cubicBezTo>
                  <a:lnTo>
                    <a:pt x="0" y="649893"/>
                  </a:lnTo>
                  <a:cubicBezTo>
                    <a:pt x="70" y="688463"/>
                    <a:pt x="30154" y="720339"/>
                    <a:pt x="68718" y="722703"/>
                  </a:cubicBezTo>
                  <a:lnTo>
                    <a:pt x="1203297" y="722703"/>
                  </a:lnTo>
                  <a:cubicBezTo>
                    <a:pt x="1241932" y="720308"/>
                    <a:pt x="1272032" y="688320"/>
                    <a:pt x="1272015" y="649677"/>
                  </a:cubicBezTo>
                  <a:lnTo>
                    <a:pt x="1272015" y="73080"/>
                  </a:lnTo>
                  <a:cubicBezTo>
                    <a:pt x="1271985" y="32752"/>
                    <a:pt x="1239260" y="60"/>
                    <a:pt x="1198863" y="0"/>
                  </a:cubicBezTo>
                  <a:close/>
                </a:path>
              </a:pathLst>
            </a:custGeom>
            <a:solidFill>
              <a:srgbClr val="FFFFFF"/>
            </a:solidFill>
            <a:ln w="5397" cap="flat">
              <a:noFill/>
              <a:prstDash val="solid"/>
              <a:miter/>
            </a:ln>
          </p:spPr>
          <p:txBody>
            <a:bodyPr rtlCol="0" anchor="ctr"/>
            <a:lstStyle/>
            <a:p>
              <a:endParaRPr lang="en-US"/>
            </a:p>
          </p:txBody>
        </p:sp>
        <p:sp>
          <p:nvSpPr>
            <p:cNvPr id="47" name="Freeform: Shape 46">
              <a:extLst>
                <a:ext uri="{FF2B5EF4-FFF2-40B4-BE49-F238E27FC236}">
                  <a16:creationId xmlns:a16="http://schemas.microsoft.com/office/drawing/2014/main" id="{D456DD52-D13B-49C7-B359-A44258F6E9BB}"/>
                </a:ext>
              </a:extLst>
            </p:cNvPr>
            <p:cNvSpPr/>
            <p:nvPr/>
          </p:nvSpPr>
          <p:spPr>
            <a:xfrm>
              <a:off x="321650" y="913567"/>
              <a:ext cx="1231573" cy="52839"/>
            </a:xfrm>
            <a:custGeom>
              <a:avLst/>
              <a:gdLst>
                <a:gd name="connsiteX0" fmla="*/ 0 w 1231573"/>
                <a:gd name="connsiteY0" fmla="*/ 0 h 52839"/>
                <a:gd name="connsiteX1" fmla="*/ 1231573 w 1231573"/>
                <a:gd name="connsiteY1" fmla="*/ 0 h 52839"/>
                <a:gd name="connsiteX2" fmla="*/ 1231573 w 1231573"/>
                <a:gd name="connsiteY2" fmla="*/ 52840 h 52839"/>
                <a:gd name="connsiteX3" fmla="*/ 0 w 1231573"/>
                <a:gd name="connsiteY3" fmla="*/ 52840 h 52839"/>
                <a:gd name="connsiteX4" fmla="*/ 0 w 1231573"/>
                <a:gd name="connsiteY4" fmla="*/ 0 h 52839"/>
                <a:gd name="connsiteX5" fmla="*/ 0 w 1231573"/>
                <a:gd name="connsiteY5" fmla="*/ 0 h 52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2839">
                  <a:moveTo>
                    <a:pt x="0" y="0"/>
                  </a:moveTo>
                  <a:lnTo>
                    <a:pt x="1231573" y="0"/>
                  </a:lnTo>
                  <a:lnTo>
                    <a:pt x="1231573" y="52840"/>
                  </a:lnTo>
                  <a:lnTo>
                    <a:pt x="0" y="52840"/>
                  </a:lnTo>
                  <a:lnTo>
                    <a:pt x="0" y="0"/>
                  </a:lnTo>
                  <a:lnTo>
                    <a:pt x="0" y="0"/>
                  </a:lnTo>
                  <a:close/>
                </a:path>
              </a:pathLst>
            </a:custGeom>
            <a:solidFill>
              <a:srgbClr val="0C9ED9"/>
            </a:solidFill>
            <a:ln w="5397"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E405F4C7-05C9-464E-996E-5649E9E84840}"/>
                </a:ext>
              </a:extLst>
            </p:cNvPr>
            <p:cNvSpPr/>
            <p:nvPr/>
          </p:nvSpPr>
          <p:spPr>
            <a:xfrm>
              <a:off x="321650" y="859810"/>
              <a:ext cx="1231573" cy="53757"/>
            </a:xfrm>
            <a:custGeom>
              <a:avLst/>
              <a:gdLst>
                <a:gd name="connsiteX0" fmla="*/ 0 w 1231573"/>
                <a:gd name="connsiteY0" fmla="*/ 0 h 53757"/>
                <a:gd name="connsiteX1" fmla="*/ 1231573 w 1231573"/>
                <a:gd name="connsiteY1" fmla="*/ 0 h 53757"/>
                <a:gd name="connsiteX2" fmla="*/ 1231573 w 1231573"/>
                <a:gd name="connsiteY2" fmla="*/ 53758 h 53757"/>
                <a:gd name="connsiteX3" fmla="*/ 0 w 1231573"/>
                <a:gd name="connsiteY3" fmla="*/ 53758 h 53757"/>
                <a:gd name="connsiteX4" fmla="*/ 0 w 1231573"/>
                <a:gd name="connsiteY4" fmla="*/ 0 h 53757"/>
                <a:gd name="connsiteX5" fmla="*/ 0 w 1231573"/>
                <a:gd name="connsiteY5" fmla="*/ 0 h 53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3757">
                  <a:moveTo>
                    <a:pt x="0" y="0"/>
                  </a:moveTo>
                  <a:lnTo>
                    <a:pt x="1231573" y="0"/>
                  </a:lnTo>
                  <a:lnTo>
                    <a:pt x="1231573" y="53758"/>
                  </a:lnTo>
                  <a:lnTo>
                    <a:pt x="0" y="53758"/>
                  </a:lnTo>
                  <a:lnTo>
                    <a:pt x="0" y="0"/>
                  </a:lnTo>
                  <a:lnTo>
                    <a:pt x="0" y="0"/>
                  </a:lnTo>
                  <a:close/>
                </a:path>
              </a:pathLst>
            </a:custGeom>
            <a:solidFill>
              <a:srgbClr val="FFD400"/>
            </a:solidFill>
            <a:ln w="5397"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4111578C-8A28-457E-9629-B759A94B0456}"/>
                </a:ext>
              </a:extLst>
            </p:cNvPr>
            <p:cNvSpPr/>
            <p:nvPr/>
          </p:nvSpPr>
          <p:spPr>
            <a:xfrm>
              <a:off x="321650" y="966623"/>
              <a:ext cx="1231573" cy="52624"/>
            </a:xfrm>
            <a:custGeom>
              <a:avLst/>
              <a:gdLst>
                <a:gd name="connsiteX0" fmla="*/ 49741 w 1231573"/>
                <a:gd name="connsiteY0" fmla="*/ 52624 h 52624"/>
                <a:gd name="connsiteX1" fmla="*/ 1181833 w 1231573"/>
                <a:gd name="connsiteY1" fmla="*/ 52624 h 52624"/>
                <a:gd name="connsiteX2" fmla="*/ 1231573 w 1231573"/>
                <a:gd name="connsiteY2" fmla="*/ 0 h 52624"/>
                <a:gd name="connsiteX3" fmla="*/ 1231573 w 1231573"/>
                <a:gd name="connsiteY3" fmla="*/ 0 h 52624"/>
                <a:gd name="connsiteX4" fmla="*/ 0 w 1231573"/>
                <a:gd name="connsiteY4" fmla="*/ 0 h 52624"/>
                <a:gd name="connsiteX5" fmla="*/ 0 w 1231573"/>
                <a:gd name="connsiteY5" fmla="*/ 0 h 52624"/>
                <a:gd name="connsiteX6" fmla="*/ 49741 w 1231573"/>
                <a:gd name="connsiteY6" fmla="*/ 52624 h 52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31573" h="52624">
                  <a:moveTo>
                    <a:pt x="49741" y="52624"/>
                  </a:moveTo>
                  <a:lnTo>
                    <a:pt x="1181833" y="52624"/>
                  </a:lnTo>
                  <a:cubicBezTo>
                    <a:pt x="1209742" y="50969"/>
                    <a:pt x="1231537" y="27910"/>
                    <a:pt x="1231573" y="0"/>
                  </a:cubicBezTo>
                  <a:lnTo>
                    <a:pt x="1231573" y="0"/>
                  </a:lnTo>
                  <a:lnTo>
                    <a:pt x="0" y="0"/>
                  </a:lnTo>
                  <a:lnTo>
                    <a:pt x="0" y="0"/>
                  </a:lnTo>
                  <a:cubicBezTo>
                    <a:pt x="37" y="27910"/>
                    <a:pt x="21832" y="50969"/>
                    <a:pt x="49741" y="52624"/>
                  </a:cubicBezTo>
                  <a:close/>
                </a:path>
              </a:pathLst>
            </a:custGeom>
            <a:solidFill>
              <a:srgbClr val="ED1B34"/>
            </a:solidFill>
            <a:ln w="5397" cap="flat">
              <a:noFill/>
              <a:prstDash val="solid"/>
              <a:miter/>
            </a:ln>
          </p:spPr>
          <p:txBody>
            <a:bodyPr rtlCol="0" anchor="ctr"/>
            <a:lstStyle/>
            <a:p>
              <a:endParaRPr lang="en-US"/>
            </a:p>
          </p:txBody>
        </p:sp>
        <p:sp>
          <p:nvSpPr>
            <p:cNvPr id="50" name="Freeform: Shape 49">
              <a:extLst>
                <a:ext uri="{FF2B5EF4-FFF2-40B4-BE49-F238E27FC236}">
                  <a16:creationId xmlns:a16="http://schemas.microsoft.com/office/drawing/2014/main" id="{6CA994D4-6860-49E3-B127-29ECBEAA8E11}"/>
                </a:ext>
              </a:extLst>
            </p:cNvPr>
            <p:cNvSpPr/>
            <p:nvPr/>
          </p:nvSpPr>
          <p:spPr>
            <a:xfrm>
              <a:off x="321650" y="336862"/>
              <a:ext cx="1231573" cy="523001"/>
            </a:xfrm>
            <a:custGeom>
              <a:avLst/>
              <a:gdLst>
                <a:gd name="connsiteX0" fmla="*/ 1178643 w 1231573"/>
                <a:gd name="connsiteY0" fmla="*/ 0 h 523001"/>
                <a:gd name="connsiteX1" fmla="*/ 52931 w 1231573"/>
                <a:gd name="connsiteY1" fmla="*/ 0 h 523001"/>
                <a:gd name="connsiteX2" fmla="*/ 0 w 1231573"/>
                <a:gd name="connsiteY2" fmla="*/ 52840 h 523001"/>
                <a:gd name="connsiteX3" fmla="*/ 0 w 1231573"/>
                <a:gd name="connsiteY3" fmla="*/ 52894 h 523001"/>
                <a:gd name="connsiteX4" fmla="*/ 0 w 1231573"/>
                <a:gd name="connsiteY4" fmla="*/ 523002 h 523001"/>
                <a:gd name="connsiteX5" fmla="*/ 1231573 w 1231573"/>
                <a:gd name="connsiteY5" fmla="*/ 523002 h 523001"/>
                <a:gd name="connsiteX6" fmla="*/ 1231573 w 1231573"/>
                <a:gd name="connsiteY6" fmla="*/ 52948 h 523001"/>
                <a:gd name="connsiteX7" fmla="*/ 1178697 w 1231573"/>
                <a:gd name="connsiteY7" fmla="*/ 54 h 523001"/>
                <a:gd name="connsiteX8" fmla="*/ 1178643 w 1231573"/>
                <a:gd name="connsiteY8" fmla="*/ 54 h 523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31573" h="523001">
                  <a:moveTo>
                    <a:pt x="1178643" y="0"/>
                  </a:moveTo>
                  <a:lnTo>
                    <a:pt x="52931" y="0"/>
                  </a:lnTo>
                  <a:cubicBezTo>
                    <a:pt x="23698" y="0"/>
                    <a:pt x="0" y="23657"/>
                    <a:pt x="0" y="52840"/>
                  </a:cubicBezTo>
                  <a:cubicBezTo>
                    <a:pt x="0" y="52858"/>
                    <a:pt x="0" y="52876"/>
                    <a:pt x="0" y="52894"/>
                  </a:cubicBezTo>
                  <a:lnTo>
                    <a:pt x="0" y="523002"/>
                  </a:lnTo>
                  <a:lnTo>
                    <a:pt x="1231573" y="523002"/>
                  </a:lnTo>
                  <a:lnTo>
                    <a:pt x="1231573" y="52948"/>
                  </a:lnTo>
                  <a:cubicBezTo>
                    <a:pt x="1231603" y="23765"/>
                    <a:pt x="1207930" y="84"/>
                    <a:pt x="1178697" y="54"/>
                  </a:cubicBezTo>
                  <a:cubicBezTo>
                    <a:pt x="1178679" y="54"/>
                    <a:pt x="1178661" y="54"/>
                    <a:pt x="1178643" y="54"/>
                  </a:cubicBezTo>
                  <a:close/>
                </a:path>
              </a:pathLst>
            </a:custGeom>
            <a:solidFill>
              <a:srgbClr val="25408F"/>
            </a:solidFill>
            <a:ln w="5397" cap="flat">
              <a:noFill/>
              <a:prstDash val="solid"/>
              <a:miter/>
            </a:ln>
          </p:spPr>
          <p:txBody>
            <a:bodyPr rtlCol="0" anchor="ctr"/>
            <a:lstStyle/>
            <a:p>
              <a:endParaRPr lang="en-US"/>
            </a:p>
          </p:txBody>
        </p:sp>
        <p:sp>
          <p:nvSpPr>
            <p:cNvPr id="51" name="Freeform: Shape 50">
              <a:extLst>
                <a:ext uri="{FF2B5EF4-FFF2-40B4-BE49-F238E27FC236}">
                  <a16:creationId xmlns:a16="http://schemas.microsoft.com/office/drawing/2014/main" id="{A382BFDF-FF52-411A-AE8E-496F7E46AAF0}"/>
                </a:ext>
              </a:extLst>
            </p:cNvPr>
            <p:cNvSpPr/>
            <p:nvPr/>
          </p:nvSpPr>
          <p:spPr>
            <a:xfrm>
              <a:off x="675316" y="576153"/>
              <a:ext cx="141364" cy="139795"/>
            </a:xfrm>
            <a:custGeom>
              <a:avLst/>
              <a:gdLst>
                <a:gd name="connsiteX0" fmla="*/ 119738 w 141364"/>
                <a:gd name="connsiteY0" fmla="*/ 18432 h 139795"/>
                <a:gd name="connsiteX1" fmla="*/ 141364 w 141364"/>
                <a:gd name="connsiteY1" fmla="*/ 68465 h 139795"/>
                <a:gd name="connsiteX2" fmla="*/ 121955 w 141364"/>
                <a:gd name="connsiteY2" fmla="*/ 116933 h 139795"/>
                <a:gd name="connsiteX3" fmla="*/ 68700 w 141364"/>
                <a:gd name="connsiteY3" fmla="*/ 139710 h 139795"/>
                <a:gd name="connsiteX4" fmla="*/ 17283 w 141364"/>
                <a:gd name="connsiteY4" fmla="*/ 116933 h 139795"/>
                <a:gd name="connsiteX5" fmla="*/ 144 w 141364"/>
                <a:gd name="connsiteY5" fmla="*/ 67817 h 139795"/>
                <a:gd name="connsiteX6" fmla="*/ 26744 w 141364"/>
                <a:gd name="connsiteY6" fmla="*/ 15247 h 139795"/>
                <a:gd name="connsiteX7" fmla="*/ 71781 w 141364"/>
                <a:gd name="connsiteY7" fmla="*/ 27 h 139795"/>
                <a:gd name="connsiteX8" fmla="*/ 119738 w 141364"/>
                <a:gd name="connsiteY8" fmla="*/ 18702 h 139795"/>
                <a:gd name="connsiteX9" fmla="*/ 102923 w 141364"/>
                <a:gd name="connsiteY9" fmla="*/ 67817 h 139795"/>
                <a:gd name="connsiteX10" fmla="*/ 69889 w 141364"/>
                <a:gd name="connsiteY10" fmla="*/ 12657 h 139795"/>
                <a:gd name="connsiteX11" fmla="*/ 49939 w 141364"/>
                <a:gd name="connsiteY11" fmla="*/ 21292 h 139795"/>
                <a:gd name="connsiteX12" fmla="*/ 36314 w 141364"/>
                <a:gd name="connsiteY12" fmla="*/ 68735 h 139795"/>
                <a:gd name="connsiteX13" fmla="*/ 46154 w 141364"/>
                <a:gd name="connsiteY13" fmla="*/ 112777 h 139795"/>
                <a:gd name="connsiteX14" fmla="*/ 71187 w 141364"/>
                <a:gd name="connsiteY14" fmla="*/ 126432 h 139795"/>
                <a:gd name="connsiteX15" fmla="*/ 102923 w 141364"/>
                <a:gd name="connsiteY15" fmla="*/ 67817 h 139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41364" h="139795">
                  <a:moveTo>
                    <a:pt x="119738" y="18432"/>
                  </a:moveTo>
                  <a:cubicBezTo>
                    <a:pt x="133579" y="31398"/>
                    <a:pt x="141411" y="49516"/>
                    <a:pt x="141364" y="68465"/>
                  </a:cubicBezTo>
                  <a:cubicBezTo>
                    <a:pt x="141122" y="86462"/>
                    <a:pt x="134207" y="103730"/>
                    <a:pt x="121955" y="116933"/>
                  </a:cubicBezTo>
                  <a:cubicBezTo>
                    <a:pt x="108309" y="131816"/>
                    <a:pt x="88906" y="140114"/>
                    <a:pt x="68700" y="139710"/>
                  </a:cubicBezTo>
                  <a:cubicBezTo>
                    <a:pt x="48900" y="140752"/>
                    <a:pt x="29794" y="132288"/>
                    <a:pt x="17283" y="116933"/>
                  </a:cubicBezTo>
                  <a:cubicBezTo>
                    <a:pt x="5143" y="103553"/>
                    <a:pt x="-1041" y="85831"/>
                    <a:pt x="144" y="67817"/>
                  </a:cubicBezTo>
                  <a:cubicBezTo>
                    <a:pt x="944" y="47270"/>
                    <a:pt x="10652" y="28084"/>
                    <a:pt x="26744" y="15247"/>
                  </a:cubicBezTo>
                  <a:cubicBezTo>
                    <a:pt x="39455" y="4969"/>
                    <a:pt x="55430" y="-430"/>
                    <a:pt x="71781" y="27"/>
                  </a:cubicBezTo>
                  <a:cubicBezTo>
                    <a:pt x="89613" y="-331"/>
                    <a:pt x="106859" y="6385"/>
                    <a:pt x="119738" y="18702"/>
                  </a:cubicBezTo>
                  <a:moveTo>
                    <a:pt x="102923" y="67817"/>
                  </a:moveTo>
                  <a:cubicBezTo>
                    <a:pt x="102923" y="32951"/>
                    <a:pt x="84541" y="12657"/>
                    <a:pt x="69889" y="12657"/>
                  </a:cubicBezTo>
                  <a:cubicBezTo>
                    <a:pt x="62264" y="12327"/>
                    <a:pt x="54909" y="15510"/>
                    <a:pt x="49939" y="21292"/>
                  </a:cubicBezTo>
                  <a:cubicBezTo>
                    <a:pt x="40098" y="32087"/>
                    <a:pt x="36314" y="45634"/>
                    <a:pt x="36314" y="68735"/>
                  </a:cubicBezTo>
                  <a:cubicBezTo>
                    <a:pt x="36314" y="87140"/>
                    <a:pt x="37557" y="99176"/>
                    <a:pt x="46154" y="112777"/>
                  </a:cubicBezTo>
                  <a:cubicBezTo>
                    <a:pt x="51131" y="121798"/>
                    <a:pt x="60893" y="127123"/>
                    <a:pt x="71187" y="126432"/>
                  </a:cubicBezTo>
                  <a:cubicBezTo>
                    <a:pt x="92110" y="126432"/>
                    <a:pt x="102923" y="100147"/>
                    <a:pt x="102923" y="67817"/>
                  </a:cubicBezTo>
                </a:path>
              </a:pathLst>
            </a:custGeom>
            <a:solidFill>
              <a:srgbClr val="FFFFFF"/>
            </a:solidFill>
            <a:ln w="5397" cap="flat">
              <a:noFill/>
              <a:prstDash val="solid"/>
              <a:miter/>
            </a:ln>
          </p:spPr>
          <p:txBody>
            <a:bodyPr rtlCol="0" anchor="ctr"/>
            <a:lstStyle/>
            <a:p>
              <a:endParaRPr lang="en-US"/>
            </a:p>
          </p:txBody>
        </p:sp>
        <p:sp>
          <p:nvSpPr>
            <p:cNvPr id="52" name="Freeform: Shape 51">
              <a:extLst>
                <a:ext uri="{FF2B5EF4-FFF2-40B4-BE49-F238E27FC236}">
                  <a16:creationId xmlns:a16="http://schemas.microsoft.com/office/drawing/2014/main" id="{1418F85E-DE38-4FEE-8C93-4600BF7012C5}"/>
                </a:ext>
              </a:extLst>
            </p:cNvPr>
            <p:cNvSpPr/>
            <p:nvPr/>
          </p:nvSpPr>
          <p:spPr>
            <a:xfrm>
              <a:off x="1075235" y="575910"/>
              <a:ext cx="122797" cy="139718"/>
            </a:xfrm>
            <a:custGeom>
              <a:avLst/>
              <a:gdLst>
                <a:gd name="connsiteX0" fmla="*/ 33187 w 122797"/>
                <a:gd name="connsiteY0" fmla="*/ 65578 h 139718"/>
                <a:gd name="connsiteX1" fmla="*/ 74385 w 122797"/>
                <a:gd name="connsiteY1" fmla="*/ 116906 h 139718"/>
                <a:gd name="connsiteX2" fmla="*/ 112826 w 122797"/>
                <a:gd name="connsiteY2" fmla="*/ 98501 h 139718"/>
                <a:gd name="connsiteX3" fmla="*/ 116665 w 122797"/>
                <a:gd name="connsiteY3" fmla="*/ 96936 h 139718"/>
                <a:gd name="connsiteX4" fmla="*/ 121369 w 122797"/>
                <a:gd name="connsiteY4" fmla="*/ 99743 h 139718"/>
                <a:gd name="connsiteX5" fmla="*/ 121369 w 122797"/>
                <a:gd name="connsiteY5" fmla="*/ 106112 h 139718"/>
                <a:gd name="connsiteX6" fmla="*/ 63626 w 122797"/>
                <a:gd name="connsiteY6" fmla="*/ 139683 h 139718"/>
                <a:gd name="connsiteX7" fmla="*/ 17940 w 122797"/>
                <a:gd name="connsiteY7" fmla="*/ 122628 h 139718"/>
                <a:gd name="connsiteX8" fmla="*/ 152 w 122797"/>
                <a:gd name="connsiteY8" fmla="*/ 70327 h 139718"/>
                <a:gd name="connsiteX9" fmla="*/ 15561 w 122797"/>
                <a:gd name="connsiteY9" fmla="*/ 23424 h 139718"/>
                <a:gd name="connsiteX10" fmla="*/ 70763 w 122797"/>
                <a:gd name="connsiteY10" fmla="*/ 0 h 139718"/>
                <a:gd name="connsiteX11" fmla="*/ 118719 w 122797"/>
                <a:gd name="connsiteY11" fmla="*/ 50735 h 139718"/>
                <a:gd name="connsiteX12" fmla="*/ 109798 w 122797"/>
                <a:gd name="connsiteY12" fmla="*/ 55808 h 139718"/>
                <a:gd name="connsiteX13" fmla="*/ 33024 w 122797"/>
                <a:gd name="connsiteY13" fmla="*/ 55808 h 139718"/>
                <a:gd name="connsiteX14" fmla="*/ 33024 w 122797"/>
                <a:gd name="connsiteY14" fmla="*/ 65578 h 139718"/>
                <a:gd name="connsiteX15" fmla="*/ 72547 w 122797"/>
                <a:gd name="connsiteY15" fmla="*/ 44366 h 139718"/>
                <a:gd name="connsiteX16" fmla="*/ 82982 w 122797"/>
                <a:gd name="connsiteY16" fmla="*/ 39940 h 139718"/>
                <a:gd name="connsiteX17" fmla="*/ 63355 w 122797"/>
                <a:gd name="connsiteY17" fmla="*/ 11712 h 139718"/>
                <a:gd name="connsiteX18" fmla="*/ 34160 w 122797"/>
                <a:gd name="connsiteY18" fmla="*/ 44366 h 139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2797" h="139718">
                  <a:moveTo>
                    <a:pt x="33187" y="65578"/>
                  </a:moveTo>
                  <a:cubicBezTo>
                    <a:pt x="33187" y="97962"/>
                    <a:pt x="56327" y="116906"/>
                    <a:pt x="74385" y="116906"/>
                  </a:cubicBezTo>
                  <a:cubicBezTo>
                    <a:pt x="94119" y="116906"/>
                    <a:pt x="106122" y="108594"/>
                    <a:pt x="112826" y="98501"/>
                  </a:cubicBezTo>
                  <a:cubicBezTo>
                    <a:pt x="114124" y="96288"/>
                    <a:pt x="115367" y="96288"/>
                    <a:pt x="116665" y="96936"/>
                  </a:cubicBezTo>
                  <a:lnTo>
                    <a:pt x="121369" y="99743"/>
                  </a:lnTo>
                  <a:cubicBezTo>
                    <a:pt x="122936" y="100714"/>
                    <a:pt x="123585" y="102010"/>
                    <a:pt x="121369" y="106112"/>
                  </a:cubicBezTo>
                  <a:cubicBezTo>
                    <a:pt x="110173" y="127440"/>
                    <a:pt x="87733" y="140486"/>
                    <a:pt x="63626" y="139683"/>
                  </a:cubicBezTo>
                  <a:cubicBezTo>
                    <a:pt x="43351" y="139683"/>
                    <a:pt x="29023" y="135257"/>
                    <a:pt x="17940" y="122628"/>
                  </a:cubicBezTo>
                  <a:cubicBezTo>
                    <a:pt x="3342" y="105788"/>
                    <a:pt x="152" y="89974"/>
                    <a:pt x="152" y="70327"/>
                  </a:cubicBezTo>
                  <a:cubicBezTo>
                    <a:pt x="-1009" y="53288"/>
                    <a:pt x="4517" y="36467"/>
                    <a:pt x="15561" y="23424"/>
                  </a:cubicBezTo>
                  <a:cubicBezTo>
                    <a:pt x="28861" y="6369"/>
                    <a:pt x="43189" y="0"/>
                    <a:pt x="70763" y="0"/>
                  </a:cubicBezTo>
                  <a:cubicBezTo>
                    <a:pt x="106933" y="0"/>
                    <a:pt x="118719" y="37781"/>
                    <a:pt x="118719" y="50735"/>
                  </a:cubicBezTo>
                  <a:cubicBezTo>
                    <a:pt x="118719" y="55431"/>
                    <a:pt x="115529" y="55808"/>
                    <a:pt x="109798" y="55808"/>
                  </a:cubicBezTo>
                  <a:lnTo>
                    <a:pt x="33024" y="55808"/>
                  </a:lnTo>
                  <a:lnTo>
                    <a:pt x="33024" y="65578"/>
                  </a:lnTo>
                  <a:close/>
                  <a:moveTo>
                    <a:pt x="72547" y="44366"/>
                  </a:moveTo>
                  <a:cubicBezTo>
                    <a:pt x="79143" y="44366"/>
                    <a:pt x="82982" y="42477"/>
                    <a:pt x="82982" y="39940"/>
                  </a:cubicBezTo>
                  <a:cubicBezTo>
                    <a:pt x="82982" y="30441"/>
                    <a:pt x="79846" y="11712"/>
                    <a:pt x="63355" y="11712"/>
                  </a:cubicBezTo>
                  <a:cubicBezTo>
                    <a:pt x="47784" y="11712"/>
                    <a:pt x="38215" y="23155"/>
                    <a:pt x="34160" y="44366"/>
                  </a:cubicBezTo>
                  <a:close/>
                </a:path>
              </a:pathLst>
            </a:custGeom>
            <a:solidFill>
              <a:srgbClr val="FFFFFF"/>
            </a:solidFill>
            <a:ln w="5397" cap="flat">
              <a:noFill/>
              <a:prstDash val="solid"/>
              <a:miter/>
            </a:ln>
          </p:spPr>
          <p:txBody>
            <a:bodyPr rtlCol="0" anchor="ctr"/>
            <a:lstStyle/>
            <a:p>
              <a:endParaRPr lang="en-US"/>
            </a:p>
          </p:txBody>
        </p:sp>
        <p:sp>
          <p:nvSpPr>
            <p:cNvPr id="53" name="Freeform: Shape 52">
              <a:extLst>
                <a:ext uri="{FF2B5EF4-FFF2-40B4-BE49-F238E27FC236}">
                  <a16:creationId xmlns:a16="http://schemas.microsoft.com/office/drawing/2014/main" id="{6196120D-6E85-4151-B49B-6BF18BBCDFB7}"/>
                </a:ext>
              </a:extLst>
            </p:cNvPr>
            <p:cNvSpPr/>
            <p:nvPr/>
          </p:nvSpPr>
          <p:spPr>
            <a:xfrm>
              <a:off x="1209903" y="573989"/>
              <a:ext cx="109219" cy="138742"/>
            </a:xfrm>
            <a:custGeom>
              <a:avLst/>
              <a:gdLst>
                <a:gd name="connsiteX0" fmla="*/ 21897 w 109219"/>
                <a:gd name="connsiteY0" fmla="*/ 56434 h 138742"/>
                <a:gd name="connsiteX1" fmla="*/ 9840 w 109219"/>
                <a:gd name="connsiteY1" fmla="*/ 31714 h 138742"/>
                <a:gd name="connsiteX2" fmla="*/ 4433 w 109219"/>
                <a:gd name="connsiteY2" fmla="*/ 28529 h 138742"/>
                <a:gd name="connsiteX3" fmla="*/ 1892 w 109219"/>
                <a:gd name="connsiteY3" fmla="*/ 25993 h 138742"/>
                <a:gd name="connsiteX4" fmla="*/ 1892 w 109219"/>
                <a:gd name="connsiteY4" fmla="*/ 24103 h 138742"/>
                <a:gd name="connsiteX5" fmla="*/ 4433 w 109219"/>
                <a:gd name="connsiteY5" fmla="*/ 21243 h 138742"/>
                <a:gd name="connsiteX6" fmla="*/ 42820 w 109219"/>
                <a:gd name="connsiteY6" fmla="*/ 3162 h 138742"/>
                <a:gd name="connsiteX7" fmla="*/ 47903 w 109219"/>
                <a:gd name="connsiteY7" fmla="*/ 1920 h 138742"/>
                <a:gd name="connsiteX8" fmla="*/ 50768 w 109219"/>
                <a:gd name="connsiteY8" fmla="*/ 5753 h 138742"/>
                <a:gd name="connsiteX9" fmla="*/ 53580 w 109219"/>
                <a:gd name="connsiteY9" fmla="*/ 28529 h 138742"/>
                <a:gd name="connsiteX10" fmla="*/ 54877 w 109219"/>
                <a:gd name="connsiteY10" fmla="*/ 28529 h 138742"/>
                <a:gd name="connsiteX11" fmla="*/ 92723 w 109219"/>
                <a:gd name="connsiteY11" fmla="*/ 31 h 138742"/>
                <a:gd name="connsiteX12" fmla="*/ 109188 w 109219"/>
                <a:gd name="connsiteY12" fmla="*/ 14514 h 138742"/>
                <a:gd name="connsiteX13" fmla="*/ 109214 w 109219"/>
                <a:gd name="connsiteY13" fmla="*/ 15900 h 138742"/>
                <a:gd name="connsiteX14" fmla="*/ 92021 w 109219"/>
                <a:gd name="connsiteY14" fmla="*/ 32739 h 138742"/>
                <a:gd name="connsiteX15" fmla="*/ 81207 w 109219"/>
                <a:gd name="connsiteY15" fmla="*/ 30256 h 138742"/>
                <a:gd name="connsiteX16" fmla="*/ 72341 w 109219"/>
                <a:gd name="connsiteY16" fmla="*/ 27666 h 138742"/>
                <a:gd name="connsiteX17" fmla="*/ 59311 w 109219"/>
                <a:gd name="connsiteY17" fmla="*/ 37111 h 138742"/>
                <a:gd name="connsiteX18" fmla="*/ 55472 w 109219"/>
                <a:gd name="connsiteY18" fmla="*/ 52655 h 138742"/>
                <a:gd name="connsiteX19" fmla="*/ 55472 w 109219"/>
                <a:gd name="connsiteY19" fmla="*/ 113699 h 138742"/>
                <a:gd name="connsiteX20" fmla="*/ 64393 w 109219"/>
                <a:gd name="connsiteY20" fmla="*/ 126977 h 138742"/>
                <a:gd name="connsiteX21" fmla="*/ 78396 w 109219"/>
                <a:gd name="connsiteY21" fmla="*/ 126977 h 138742"/>
                <a:gd name="connsiteX22" fmla="*/ 80883 w 109219"/>
                <a:gd name="connsiteY22" fmla="*/ 129190 h 138742"/>
                <a:gd name="connsiteX23" fmla="*/ 80883 w 109219"/>
                <a:gd name="connsiteY23" fmla="*/ 136530 h 138742"/>
                <a:gd name="connsiteX24" fmla="*/ 78666 w 109219"/>
                <a:gd name="connsiteY24" fmla="*/ 138743 h 138742"/>
                <a:gd name="connsiteX25" fmla="*/ 39306 w 109219"/>
                <a:gd name="connsiteY25" fmla="*/ 137771 h 138742"/>
                <a:gd name="connsiteX26" fmla="*/ 2217 w 109219"/>
                <a:gd name="connsiteY26" fmla="*/ 138743 h 138742"/>
                <a:gd name="connsiteX27" fmla="*/ 0 w 109219"/>
                <a:gd name="connsiteY27" fmla="*/ 136530 h 138742"/>
                <a:gd name="connsiteX28" fmla="*/ 0 w 109219"/>
                <a:gd name="connsiteY28" fmla="*/ 129891 h 138742"/>
                <a:gd name="connsiteX29" fmla="*/ 2811 w 109219"/>
                <a:gd name="connsiteY29" fmla="*/ 127301 h 138742"/>
                <a:gd name="connsiteX30" fmla="*/ 13949 w 109219"/>
                <a:gd name="connsiteY30" fmla="*/ 127301 h 138742"/>
                <a:gd name="connsiteX31" fmla="*/ 22208 w 109219"/>
                <a:gd name="connsiteY31" fmla="*/ 120868 h 138742"/>
                <a:gd name="connsiteX32" fmla="*/ 22167 w 109219"/>
                <a:gd name="connsiteY32" fmla="*/ 118773 h 138742"/>
                <a:gd name="connsiteX33" fmla="*/ 22167 w 109219"/>
                <a:gd name="connsiteY33" fmla="*/ 56434 h 1387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09219" h="138742">
                  <a:moveTo>
                    <a:pt x="21897" y="56434"/>
                  </a:moveTo>
                  <a:cubicBezTo>
                    <a:pt x="21897" y="41861"/>
                    <a:pt x="19356" y="36787"/>
                    <a:pt x="9840" y="31714"/>
                  </a:cubicBezTo>
                  <a:lnTo>
                    <a:pt x="4433" y="28529"/>
                  </a:lnTo>
                  <a:cubicBezTo>
                    <a:pt x="2541" y="27882"/>
                    <a:pt x="1892" y="27288"/>
                    <a:pt x="1892" y="25993"/>
                  </a:cubicBezTo>
                  <a:lnTo>
                    <a:pt x="1892" y="24103"/>
                  </a:lnTo>
                  <a:cubicBezTo>
                    <a:pt x="1892" y="22862"/>
                    <a:pt x="2541" y="22214"/>
                    <a:pt x="4433" y="21243"/>
                  </a:cubicBezTo>
                  <a:lnTo>
                    <a:pt x="42820" y="3162"/>
                  </a:lnTo>
                  <a:cubicBezTo>
                    <a:pt x="44432" y="2465"/>
                    <a:pt x="46151" y="2045"/>
                    <a:pt x="47903" y="1920"/>
                  </a:cubicBezTo>
                  <a:cubicBezTo>
                    <a:pt x="49795" y="1920"/>
                    <a:pt x="50390" y="3863"/>
                    <a:pt x="50768" y="5753"/>
                  </a:cubicBezTo>
                  <a:lnTo>
                    <a:pt x="53580" y="28529"/>
                  </a:lnTo>
                  <a:lnTo>
                    <a:pt x="54877" y="28529"/>
                  </a:lnTo>
                  <a:cubicBezTo>
                    <a:pt x="65690" y="10826"/>
                    <a:pt x="78991" y="31"/>
                    <a:pt x="92723" y="31"/>
                  </a:cubicBezTo>
                  <a:cubicBezTo>
                    <a:pt x="101276" y="-508"/>
                    <a:pt x="108648" y="5976"/>
                    <a:pt x="109188" y="14514"/>
                  </a:cubicBezTo>
                  <a:cubicBezTo>
                    <a:pt x="109217" y="14975"/>
                    <a:pt x="109226" y="15438"/>
                    <a:pt x="109214" y="15900"/>
                  </a:cubicBezTo>
                  <a:cubicBezTo>
                    <a:pt x="108478" y="25001"/>
                    <a:pt x="101150" y="32178"/>
                    <a:pt x="92021" y="32739"/>
                  </a:cubicBezTo>
                  <a:cubicBezTo>
                    <a:pt x="88276" y="32726"/>
                    <a:pt x="84582" y="31878"/>
                    <a:pt x="81207" y="30256"/>
                  </a:cubicBezTo>
                  <a:cubicBezTo>
                    <a:pt x="78625" y="28428"/>
                    <a:pt x="75503" y="27516"/>
                    <a:pt x="72341" y="27666"/>
                  </a:cubicBezTo>
                  <a:cubicBezTo>
                    <a:pt x="66660" y="28369"/>
                    <a:pt x="61739" y="31936"/>
                    <a:pt x="59311" y="37111"/>
                  </a:cubicBezTo>
                  <a:cubicBezTo>
                    <a:pt x="56873" y="41937"/>
                    <a:pt x="55561" y="47251"/>
                    <a:pt x="55472" y="52655"/>
                  </a:cubicBezTo>
                  <a:lnTo>
                    <a:pt x="55472" y="113699"/>
                  </a:lnTo>
                  <a:cubicBezTo>
                    <a:pt x="55472" y="123792"/>
                    <a:pt x="58067" y="126977"/>
                    <a:pt x="64393" y="126977"/>
                  </a:cubicBezTo>
                  <a:lnTo>
                    <a:pt x="78396" y="126977"/>
                  </a:lnTo>
                  <a:cubicBezTo>
                    <a:pt x="80234" y="126977"/>
                    <a:pt x="80883" y="127624"/>
                    <a:pt x="80883" y="129190"/>
                  </a:cubicBezTo>
                  <a:lnTo>
                    <a:pt x="80883" y="136530"/>
                  </a:lnTo>
                  <a:cubicBezTo>
                    <a:pt x="80883" y="138095"/>
                    <a:pt x="80234" y="138743"/>
                    <a:pt x="78666" y="138743"/>
                  </a:cubicBezTo>
                  <a:cubicBezTo>
                    <a:pt x="77098" y="138743"/>
                    <a:pt x="62446" y="137771"/>
                    <a:pt x="39306" y="137771"/>
                  </a:cubicBezTo>
                  <a:cubicBezTo>
                    <a:pt x="17139" y="137771"/>
                    <a:pt x="4758" y="138743"/>
                    <a:pt x="2217" y="138743"/>
                  </a:cubicBezTo>
                  <a:cubicBezTo>
                    <a:pt x="595" y="138743"/>
                    <a:pt x="0" y="138095"/>
                    <a:pt x="0" y="136530"/>
                  </a:cubicBezTo>
                  <a:lnTo>
                    <a:pt x="0" y="129891"/>
                  </a:lnTo>
                  <a:cubicBezTo>
                    <a:pt x="0" y="127948"/>
                    <a:pt x="595" y="127301"/>
                    <a:pt x="2811" y="127301"/>
                  </a:cubicBezTo>
                  <a:lnTo>
                    <a:pt x="13949" y="127301"/>
                  </a:lnTo>
                  <a:cubicBezTo>
                    <a:pt x="18009" y="127801"/>
                    <a:pt x="21707" y="124921"/>
                    <a:pt x="22208" y="120868"/>
                  </a:cubicBezTo>
                  <a:cubicBezTo>
                    <a:pt x="22294" y="120171"/>
                    <a:pt x="22280" y="119466"/>
                    <a:pt x="22167" y="118773"/>
                  </a:cubicBezTo>
                  <a:lnTo>
                    <a:pt x="22167" y="56434"/>
                  </a:lnTo>
                  <a:close/>
                </a:path>
              </a:pathLst>
            </a:custGeom>
            <a:solidFill>
              <a:srgbClr val="FFFFFF"/>
            </a:solidFill>
            <a:ln w="5397" cap="flat">
              <a:noFill/>
              <a:prstDash val="solid"/>
              <a:miter/>
            </a:ln>
          </p:spPr>
          <p:txBody>
            <a:bodyPr rtlCol="0" anchor="ctr"/>
            <a:lstStyle/>
            <a:p>
              <a:endParaRPr lang="en-US"/>
            </a:p>
          </p:txBody>
        </p:sp>
        <p:sp>
          <p:nvSpPr>
            <p:cNvPr id="54" name="Freeform: Shape 53">
              <a:extLst>
                <a:ext uri="{FF2B5EF4-FFF2-40B4-BE49-F238E27FC236}">
                  <a16:creationId xmlns:a16="http://schemas.microsoft.com/office/drawing/2014/main" id="{DAEE9B40-10A7-40FD-9706-8A868BA0A8C8}"/>
                </a:ext>
              </a:extLst>
            </p:cNvPr>
            <p:cNvSpPr/>
            <p:nvPr/>
          </p:nvSpPr>
          <p:spPr>
            <a:xfrm>
              <a:off x="1328564" y="575866"/>
              <a:ext cx="95261" cy="139000"/>
            </a:xfrm>
            <a:custGeom>
              <a:avLst/>
              <a:gdLst>
                <a:gd name="connsiteX0" fmla="*/ 123 w 95261"/>
                <a:gd name="connsiteY0" fmla="*/ 96062 h 139000"/>
                <a:gd name="connsiteX1" fmla="*/ 1042 w 95261"/>
                <a:gd name="connsiteY1" fmla="*/ 93472 h 139000"/>
                <a:gd name="connsiteX2" fmla="*/ 7043 w 95261"/>
                <a:gd name="connsiteY2" fmla="*/ 91636 h 139000"/>
                <a:gd name="connsiteX3" fmla="*/ 9908 w 95261"/>
                <a:gd name="connsiteY3" fmla="*/ 92554 h 139000"/>
                <a:gd name="connsiteX4" fmla="*/ 20397 w 95261"/>
                <a:gd name="connsiteY4" fmla="*/ 110311 h 139000"/>
                <a:gd name="connsiteX5" fmla="*/ 47701 w 95261"/>
                <a:gd name="connsiteY5" fmla="*/ 127367 h 139000"/>
                <a:gd name="connsiteX6" fmla="*/ 70192 w 95261"/>
                <a:gd name="connsiteY6" fmla="*/ 108044 h 139000"/>
                <a:gd name="connsiteX7" fmla="*/ 39753 w 95261"/>
                <a:gd name="connsiteY7" fmla="*/ 83379 h 139000"/>
                <a:gd name="connsiteX8" fmla="*/ 1042 w 95261"/>
                <a:gd name="connsiteY8" fmla="*/ 43762 h 139000"/>
                <a:gd name="connsiteX9" fmla="*/ 17261 w 95261"/>
                <a:gd name="connsiteY9" fmla="*/ 10514 h 139000"/>
                <a:gd name="connsiteX10" fmla="*/ 50296 w 95261"/>
                <a:gd name="connsiteY10" fmla="*/ 44 h 139000"/>
                <a:gd name="connsiteX11" fmla="*/ 81222 w 95261"/>
                <a:gd name="connsiteY11" fmla="*/ 7006 h 139000"/>
                <a:gd name="connsiteX12" fmla="*/ 87223 w 95261"/>
                <a:gd name="connsiteY12" fmla="*/ 12404 h 139000"/>
                <a:gd name="connsiteX13" fmla="*/ 91386 w 95261"/>
                <a:gd name="connsiteY13" fmla="*/ 33993 h 139000"/>
                <a:gd name="connsiteX14" fmla="*/ 91062 w 95261"/>
                <a:gd name="connsiteY14" fmla="*/ 37501 h 139000"/>
                <a:gd name="connsiteX15" fmla="*/ 85006 w 95261"/>
                <a:gd name="connsiteY15" fmla="*/ 40308 h 139000"/>
                <a:gd name="connsiteX16" fmla="*/ 82542 w 95261"/>
                <a:gd name="connsiteY16" fmla="*/ 39084 h 139000"/>
                <a:gd name="connsiteX17" fmla="*/ 82519 w 95261"/>
                <a:gd name="connsiteY17" fmla="*/ 39012 h 139000"/>
                <a:gd name="connsiteX18" fmla="*/ 67219 w 95261"/>
                <a:gd name="connsiteY18" fmla="*/ 21957 h 139000"/>
                <a:gd name="connsiteX19" fmla="*/ 47268 w 95261"/>
                <a:gd name="connsiteY19" fmla="*/ 12188 h 139000"/>
                <a:gd name="connsiteX20" fmla="*/ 25371 w 95261"/>
                <a:gd name="connsiteY20" fmla="*/ 30215 h 139000"/>
                <a:gd name="connsiteX21" fmla="*/ 53918 w 95261"/>
                <a:gd name="connsiteY21" fmla="*/ 51804 h 139000"/>
                <a:gd name="connsiteX22" fmla="*/ 85655 w 95261"/>
                <a:gd name="connsiteY22" fmla="*/ 67996 h 139000"/>
                <a:gd name="connsiteX23" fmla="*/ 95171 w 95261"/>
                <a:gd name="connsiteY23" fmla="*/ 93418 h 139000"/>
                <a:gd name="connsiteX24" fmla="*/ 42240 w 95261"/>
                <a:gd name="connsiteY24" fmla="*/ 138971 h 139000"/>
                <a:gd name="connsiteX25" fmla="*/ 7908 w 95261"/>
                <a:gd name="connsiteY25" fmla="*/ 130767 h 139000"/>
                <a:gd name="connsiteX26" fmla="*/ 5529 w 95261"/>
                <a:gd name="connsiteY26" fmla="*/ 128014 h 139000"/>
                <a:gd name="connsiteX27" fmla="*/ 123 w 95261"/>
                <a:gd name="connsiteY27" fmla="*/ 96062 h 139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5261" h="139000">
                  <a:moveTo>
                    <a:pt x="123" y="96062"/>
                  </a:moveTo>
                  <a:cubicBezTo>
                    <a:pt x="-202" y="94767"/>
                    <a:pt x="123" y="93795"/>
                    <a:pt x="1042" y="93472"/>
                  </a:cubicBezTo>
                  <a:lnTo>
                    <a:pt x="7043" y="91636"/>
                  </a:lnTo>
                  <a:cubicBezTo>
                    <a:pt x="8341" y="91313"/>
                    <a:pt x="9260" y="91313"/>
                    <a:pt x="9908" y="92554"/>
                  </a:cubicBezTo>
                  <a:lnTo>
                    <a:pt x="20397" y="110311"/>
                  </a:lnTo>
                  <a:cubicBezTo>
                    <a:pt x="26128" y="119864"/>
                    <a:pt x="32130" y="127367"/>
                    <a:pt x="47701" y="127367"/>
                  </a:cubicBezTo>
                  <a:cubicBezTo>
                    <a:pt x="60082" y="127367"/>
                    <a:pt x="70192" y="119864"/>
                    <a:pt x="70192" y="108044"/>
                  </a:cubicBezTo>
                  <a:cubicBezTo>
                    <a:pt x="70192" y="95361"/>
                    <a:pt x="61974" y="89639"/>
                    <a:pt x="39753" y="83379"/>
                  </a:cubicBezTo>
                  <a:cubicBezTo>
                    <a:pt x="17532" y="77118"/>
                    <a:pt x="1042" y="66269"/>
                    <a:pt x="1042" y="43762"/>
                  </a:cubicBezTo>
                  <a:cubicBezTo>
                    <a:pt x="431" y="30647"/>
                    <a:pt x="6541" y="18121"/>
                    <a:pt x="17261" y="10514"/>
                  </a:cubicBezTo>
                  <a:cubicBezTo>
                    <a:pt x="26766" y="3388"/>
                    <a:pt x="38414" y="-304"/>
                    <a:pt x="50296" y="44"/>
                  </a:cubicBezTo>
                  <a:cubicBezTo>
                    <a:pt x="61036" y="-360"/>
                    <a:pt x="71695" y="2040"/>
                    <a:pt x="81222" y="7006"/>
                  </a:cubicBezTo>
                  <a:cubicBezTo>
                    <a:pt x="85980" y="9543"/>
                    <a:pt x="86899" y="10838"/>
                    <a:pt x="87223" y="12404"/>
                  </a:cubicBezTo>
                  <a:lnTo>
                    <a:pt x="91386" y="33993"/>
                  </a:lnTo>
                  <a:cubicBezTo>
                    <a:pt x="91744" y="35159"/>
                    <a:pt x="91628" y="36420"/>
                    <a:pt x="91062" y="37501"/>
                  </a:cubicBezTo>
                  <a:lnTo>
                    <a:pt x="85006" y="40308"/>
                  </a:lnTo>
                  <a:cubicBezTo>
                    <a:pt x="83987" y="40649"/>
                    <a:pt x="82884" y="40101"/>
                    <a:pt x="82542" y="39084"/>
                  </a:cubicBezTo>
                  <a:cubicBezTo>
                    <a:pt x="82534" y="39060"/>
                    <a:pt x="82526" y="39036"/>
                    <a:pt x="82519" y="39012"/>
                  </a:cubicBezTo>
                  <a:lnTo>
                    <a:pt x="67219" y="21957"/>
                  </a:lnTo>
                  <a:cubicBezTo>
                    <a:pt x="62397" y="15848"/>
                    <a:pt x="55058" y="12255"/>
                    <a:pt x="47268" y="12188"/>
                  </a:cubicBezTo>
                  <a:cubicBezTo>
                    <a:pt x="35536" y="12188"/>
                    <a:pt x="25371" y="19096"/>
                    <a:pt x="25371" y="30215"/>
                  </a:cubicBezTo>
                  <a:cubicBezTo>
                    <a:pt x="25371" y="43168"/>
                    <a:pt x="34887" y="47054"/>
                    <a:pt x="53918" y="51804"/>
                  </a:cubicBezTo>
                  <a:cubicBezTo>
                    <a:pt x="68570" y="55582"/>
                    <a:pt x="77437" y="59414"/>
                    <a:pt x="85655" y="67996"/>
                  </a:cubicBezTo>
                  <a:cubicBezTo>
                    <a:pt x="92402" y="74670"/>
                    <a:pt x="95880" y="83962"/>
                    <a:pt x="95171" y="93418"/>
                  </a:cubicBezTo>
                  <a:cubicBezTo>
                    <a:pt x="95171" y="119972"/>
                    <a:pt x="73544" y="138971"/>
                    <a:pt x="42240" y="138971"/>
                  </a:cubicBezTo>
                  <a:cubicBezTo>
                    <a:pt x="30269" y="139326"/>
                    <a:pt x="18420" y="136495"/>
                    <a:pt x="7908" y="130767"/>
                  </a:cubicBezTo>
                  <a:cubicBezTo>
                    <a:pt x="6941" y="130015"/>
                    <a:pt x="6133" y="129080"/>
                    <a:pt x="5529" y="128014"/>
                  </a:cubicBezTo>
                  <a:lnTo>
                    <a:pt x="123" y="96062"/>
                  </a:lnTo>
                  <a:close/>
                </a:path>
              </a:pathLst>
            </a:custGeom>
            <a:solidFill>
              <a:srgbClr val="FFFFFF"/>
            </a:solidFill>
            <a:ln w="5397" cap="flat">
              <a:noFill/>
              <a:prstDash val="solid"/>
              <a:miter/>
            </a:ln>
          </p:spPr>
          <p:txBody>
            <a:bodyPr rtlCol="0" anchor="ctr"/>
            <a:lstStyle/>
            <a:p>
              <a:endParaRPr lang="en-US"/>
            </a:p>
          </p:txBody>
        </p:sp>
        <p:sp>
          <p:nvSpPr>
            <p:cNvPr id="55" name="Freeform: Shape 54">
              <a:extLst>
                <a:ext uri="{FF2B5EF4-FFF2-40B4-BE49-F238E27FC236}">
                  <a16:creationId xmlns:a16="http://schemas.microsoft.com/office/drawing/2014/main" id="{EAC42F09-8A0B-451D-844A-DA1724BB135E}"/>
                </a:ext>
              </a:extLst>
            </p:cNvPr>
            <p:cNvSpPr/>
            <p:nvPr/>
          </p:nvSpPr>
          <p:spPr>
            <a:xfrm>
              <a:off x="821168" y="482806"/>
              <a:ext cx="243892" cy="229980"/>
            </a:xfrm>
            <a:custGeom>
              <a:avLst/>
              <a:gdLst>
                <a:gd name="connsiteX0" fmla="*/ 240757 w 243892"/>
                <a:gd name="connsiteY0" fmla="*/ 218214 h 229980"/>
                <a:gd name="connsiteX1" fmla="*/ 228051 w 243892"/>
                <a:gd name="connsiteY1" fmla="*/ 218214 h 229980"/>
                <a:gd name="connsiteX2" fmla="*/ 222969 w 243892"/>
                <a:gd name="connsiteY2" fmla="*/ 210010 h 229980"/>
                <a:gd name="connsiteX3" fmla="*/ 222320 w 243892"/>
                <a:gd name="connsiteY3" fmla="*/ 182700 h 229980"/>
                <a:gd name="connsiteX4" fmla="*/ 222320 w 243892"/>
                <a:gd name="connsiteY4" fmla="*/ 148535 h 229980"/>
                <a:gd name="connsiteX5" fmla="*/ 222969 w 243892"/>
                <a:gd name="connsiteY5" fmla="*/ 96936 h 229980"/>
                <a:gd name="connsiteX6" fmla="*/ 220428 w 243892"/>
                <a:gd name="connsiteY6" fmla="*/ 93104 h 229980"/>
                <a:gd name="connsiteX7" fmla="*/ 212804 w 243892"/>
                <a:gd name="connsiteY7" fmla="*/ 95047 h 229980"/>
                <a:gd name="connsiteX8" fmla="*/ 171552 w 243892"/>
                <a:gd name="connsiteY8" fmla="*/ 110214 h 229980"/>
                <a:gd name="connsiteX9" fmla="*/ 169335 w 243892"/>
                <a:gd name="connsiteY9" fmla="*/ 112750 h 229980"/>
                <a:gd name="connsiteX10" fmla="*/ 169335 w 243892"/>
                <a:gd name="connsiteY10" fmla="*/ 116259 h 229980"/>
                <a:gd name="connsiteX11" fmla="*/ 172471 w 243892"/>
                <a:gd name="connsiteY11" fmla="*/ 119065 h 229980"/>
                <a:gd name="connsiteX12" fmla="*/ 189015 w 243892"/>
                <a:gd name="connsiteY12" fmla="*/ 138712 h 229980"/>
                <a:gd name="connsiteX13" fmla="*/ 189015 w 243892"/>
                <a:gd name="connsiteY13" fmla="*/ 183294 h 229980"/>
                <a:gd name="connsiteX14" fmla="*/ 188367 w 243892"/>
                <a:gd name="connsiteY14" fmla="*/ 211791 h 229980"/>
                <a:gd name="connsiteX15" fmla="*/ 183284 w 243892"/>
                <a:gd name="connsiteY15" fmla="*/ 218106 h 229980"/>
                <a:gd name="connsiteX16" fmla="*/ 167605 w 243892"/>
                <a:gd name="connsiteY16" fmla="*/ 218592 h 229980"/>
                <a:gd name="connsiteX17" fmla="*/ 150466 w 243892"/>
                <a:gd name="connsiteY17" fmla="*/ 218106 h 229980"/>
                <a:gd name="connsiteX18" fmla="*/ 142248 w 243892"/>
                <a:gd name="connsiteY18" fmla="*/ 207959 h 229980"/>
                <a:gd name="connsiteX19" fmla="*/ 141599 w 243892"/>
                <a:gd name="connsiteY19" fmla="*/ 151611 h 229980"/>
                <a:gd name="connsiteX20" fmla="*/ 141599 w 243892"/>
                <a:gd name="connsiteY20" fmla="*/ 106058 h 229980"/>
                <a:gd name="connsiteX21" fmla="*/ 142897 w 243892"/>
                <a:gd name="connsiteY21" fmla="*/ 5721 h 229980"/>
                <a:gd name="connsiteX22" fmla="*/ 139707 w 243892"/>
                <a:gd name="connsiteY22" fmla="*/ 0 h 229980"/>
                <a:gd name="connsiteX23" fmla="*/ 132732 w 243892"/>
                <a:gd name="connsiteY23" fmla="*/ 1889 h 229980"/>
                <a:gd name="connsiteX24" fmla="*/ 85154 w 243892"/>
                <a:gd name="connsiteY24" fmla="*/ 20294 h 229980"/>
                <a:gd name="connsiteX25" fmla="*/ 82613 w 243892"/>
                <a:gd name="connsiteY25" fmla="*/ 22777 h 229980"/>
                <a:gd name="connsiteX26" fmla="*/ 82613 w 243892"/>
                <a:gd name="connsiteY26" fmla="*/ 26771 h 229980"/>
                <a:gd name="connsiteX27" fmla="*/ 84505 w 243892"/>
                <a:gd name="connsiteY27" fmla="*/ 29415 h 229980"/>
                <a:gd name="connsiteX28" fmla="*/ 90831 w 243892"/>
                <a:gd name="connsiteY28" fmla="*/ 31251 h 229980"/>
                <a:gd name="connsiteX29" fmla="*/ 107051 w 243892"/>
                <a:gd name="connsiteY29" fmla="*/ 50249 h 229980"/>
                <a:gd name="connsiteX30" fmla="*/ 108349 w 243892"/>
                <a:gd name="connsiteY30" fmla="*/ 107893 h 229980"/>
                <a:gd name="connsiteX31" fmla="*/ 108349 w 243892"/>
                <a:gd name="connsiteY31" fmla="*/ 206880 h 229980"/>
                <a:gd name="connsiteX32" fmla="*/ 100401 w 243892"/>
                <a:gd name="connsiteY32" fmla="*/ 218214 h 229980"/>
                <a:gd name="connsiteX33" fmla="*/ 84181 w 243892"/>
                <a:gd name="connsiteY33" fmla="*/ 218700 h 229980"/>
                <a:gd name="connsiteX34" fmla="*/ 67961 w 243892"/>
                <a:gd name="connsiteY34" fmla="*/ 218214 h 229980"/>
                <a:gd name="connsiteX35" fmla="*/ 59689 w 243892"/>
                <a:gd name="connsiteY35" fmla="*/ 208067 h 229980"/>
                <a:gd name="connsiteX36" fmla="*/ 59040 w 243892"/>
                <a:gd name="connsiteY36" fmla="*/ 151719 h 229980"/>
                <a:gd name="connsiteX37" fmla="*/ 59040 w 243892"/>
                <a:gd name="connsiteY37" fmla="*/ 106058 h 229980"/>
                <a:gd name="connsiteX38" fmla="*/ 60284 w 243892"/>
                <a:gd name="connsiteY38" fmla="*/ 5721 h 229980"/>
                <a:gd name="connsiteX39" fmla="*/ 57148 w 243892"/>
                <a:gd name="connsiteY39" fmla="*/ 0 h 229980"/>
                <a:gd name="connsiteX40" fmla="*/ 50173 w 243892"/>
                <a:gd name="connsiteY40" fmla="*/ 1889 h 229980"/>
                <a:gd name="connsiteX41" fmla="*/ 2595 w 243892"/>
                <a:gd name="connsiteY41" fmla="*/ 20294 h 229980"/>
                <a:gd name="connsiteX42" fmla="*/ 0 w 243892"/>
                <a:gd name="connsiteY42" fmla="*/ 22777 h 229980"/>
                <a:gd name="connsiteX43" fmla="*/ 0 w 243892"/>
                <a:gd name="connsiteY43" fmla="*/ 26771 h 229980"/>
                <a:gd name="connsiteX44" fmla="*/ 1946 w 243892"/>
                <a:gd name="connsiteY44" fmla="*/ 29415 h 229980"/>
                <a:gd name="connsiteX45" fmla="*/ 8272 w 243892"/>
                <a:gd name="connsiteY45" fmla="*/ 31251 h 229980"/>
                <a:gd name="connsiteX46" fmla="*/ 24492 w 243892"/>
                <a:gd name="connsiteY46" fmla="*/ 50249 h 229980"/>
                <a:gd name="connsiteX47" fmla="*/ 25790 w 243892"/>
                <a:gd name="connsiteY47" fmla="*/ 107893 h 229980"/>
                <a:gd name="connsiteX48" fmla="*/ 25790 w 243892"/>
                <a:gd name="connsiteY48" fmla="*/ 206880 h 229980"/>
                <a:gd name="connsiteX49" fmla="*/ 17842 w 243892"/>
                <a:gd name="connsiteY49" fmla="*/ 218214 h 229980"/>
                <a:gd name="connsiteX50" fmla="*/ 5569 w 243892"/>
                <a:gd name="connsiteY50" fmla="*/ 218214 h 229980"/>
                <a:gd name="connsiteX51" fmla="*/ 1135 w 243892"/>
                <a:gd name="connsiteY51" fmla="*/ 220805 h 229980"/>
                <a:gd name="connsiteX52" fmla="*/ 1135 w 243892"/>
                <a:gd name="connsiteY52" fmla="*/ 226796 h 229980"/>
                <a:gd name="connsiteX53" fmla="*/ 3677 w 243892"/>
                <a:gd name="connsiteY53" fmla="*/ 229981 h 229980"/>
                <a:gd name="connsiteX54" fmla="*/ 125596 w 243892"/>
                <a:gd name="connsiteY54" fmla="*/ 229387 h 229980"/>
                <a:gd name="connsiteX55" fmla="*/ 241351 w 243892"/>
                <a:gd name="connsiteY55" fmla="*/ 229981 h 229980"/>
                <a:gd name="connsiteX56" fmla="*/ 243893 w 243892"/>
                <a:gd name="connsiteY56" fmla="*/ 226796 h 229980"/>
                <a:gd name="connsiteX57" fmla="*/ 243893 w 243892"/>
                <a:gd name="connsiteY57" fmla="*/ 220427 h 229980"/>
                <a:gd name="connsiteX58" fmla="*/ 240757 w 243892"/>
                <a:gd name="connsiteY58" fmla="*/ 218214 h 229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43892" h="229980">
                  <a:moveTo>
                    <a:pt x="240757" y="218214"/>
                  </a:moveTo>
                  <a:lnTo>
                    <a:pt x="228051" y="218214"/>
                  </a:lnTo>
                  <a:cubicBezTo>
                    <a:pt x="224861" y="218214"/>
                    <a:pt x="223564" y="215732"/>
                    <a:pt x="222969" y="210010"/>
                  </a:cubicBezTo>
                  <a:cubicBezTo>
                    <a:pt x="222320" y="206178"/>
                    <a:pt x="222320" y="194736"/>
                    <a:pt x="222320" y="182700"/>
                  </a:cubicBezTo>
                  <a:lnTo>
                    <a:pt x="222320" y="148535"/>
                  </a:lnTo>
                  <a:cubicBezTo>
                    <a:pt x="222320" y="122250"/>
                    <a:pt x="222320" y="102010"/>
                    <a:pt x="222969" y="96936"/>
                  </a:cubicBezTo>
                  <a:cubicBezTo>
                    <a:pt x="223293" y="94345"/>
                    <a:pt x="222320" y="93104"/>
                    <a:pt x="220428" y="93104"/>
                  </a:cubicBezTo>
                  <a:cubicBezTo>
                    <a:pt x="217789" y="93281"/>
                    <a:pt x="215205" y="93940"/>
                    <a:pt x="212804" y="95047"/>
                  </a:cubicBezTo>
                  <a:cubicBezTo>
                    <a:pt x="207398" y="97206"/>
                    <a:pt x="175985" y="108325"/>
                    <a:pt x="171552" y="110214"/>
                  </a:cubicBezTo>
                  <a:cubicBezTo>
                    <a:pt x="169930" y="110861"/>
                    <a:pt x="169335" y="111509"/>
                    <a:pt x="169335" y="112750"/>
                  </a:cubicBezTo>
                  <a:lnTo>
                    <a:pt x="169335" y="116259"/>
                  </a:lnTo>
                  <a:cubicBezTo>
                    <a:pt x="169335" y="117500"/>
                    <a:pt x="169335" y="118472"/>
                    <a:pt x="172471" y="119065"/>
                  </a:cubicBezTo>
                  <a:cubicBezTo>
                    <a:pt x="187123" y="122897"/>
                    <a:pt x="189015" y="129212"/>
                    <a:pt x="189015" y="138712"/>
                  </a:cubicBezTo>
                  <a:lnTo>
                    <a:pt x="189015" y="183294"/>
                  </a:lnTo>
                  <a:cubicBezTo>
                    <a:pt x="189015" y="192145"/>
                    <a:pt x="188691" y="202292"/>
                    <a:pt x="188367" y="211791"/>
                  </a:cubicBezTo>
                  <a:cubicBezTo>
                    <a:pt x="188042" y="217189"/>
                    <a:pt x="186474" y="218106"/>
                    <a:pt x="183284" y="218106"/>
                  </a:cubicBezTo>
                  <a:cubicBezTo>
                    <a:pt x="178075" y="218620"/>
                    <a:pt x="172837" y="218782"/>
                    <a:pt x="167605" y="218592"/>
                  </a:cubicBezTo>
                  <a:cubicBezTo>
                    <a:pt x="161888" y="218727"/>
                    <a:pt x="156167" y="218565"/>
                    <a:pt x="150466" y="218106"/>
                  </a:cubicBezTo>
                  <a:cubicBezTo>
                    <a:pt x="143492" y="218106"/>
                    <a:pt x="142897" y="213681"/>
                    <a:pt x="142248" y="207959"/>
                  </a:cubicBezTo>
                  <a:cubicBezTo>
                    <a:pt x="141599" y="198460"/>
                    <a:pt x="141599" y="166184"/>
                    <a:pt x="141599" y="151611"/>
                  </a:cubicBezTo>
                  <a:lnTo>
                    <a:pt x="141599" y="106058"/>
                  </a:lnTo>
                  <a:cubicBezTo>
                    <a:pt x="141599" y="88678"/>
                    <a:pt x="142248" y="22777"/>
                    <a:pt x="142897" y="5721"/>
                  </a:cubicBezTo>
                  <a:cubicBezTo>
                    <a:pt x="142897" y="1295"/>
                    <a:pt x="141599" y="0"/>
                    <a:pt x="139707" y="0"/>
                  </a:cubicBezTo>
                  <a:cubicBezTo>
                    <a:pt x="137308" y="315"/>
                    <a:pt x="134962" y="951"/>
                    <a:pt x="132732" y="1889"/>
                  </a:cubicBezTo>
                  <a:cubicBezTo>
                    <a:pt x="122568" y="8204"/>
                    <a:pt x="97806" y="16462"/>
                    <a:pt x="85154" y="20294"/>
                  </a:cubicBezTo>
                  <a:cubicBezTo>
                    <a:pt x="83208" y="20888"/>
                    <a:pt x="82613" y="22129"/>
                    <a:pt x="82613" y="22777"/>
                  </a:cubicBezTo>
                  <a:lnTo>
                    <a:pt x="82613" y="26771"/>
                  </a:lnTo>
                  <a:cubicBezTo>
                    <a:pt x="82613" y="28120"/>
                    <a:pt x="82613" y="28714"/>
                    <a:pt x="84505" y="29415"/>
                  </a:cubicBezTo>
                  <a:lnTo>
                    <a:pt x="90831" y="31251"/>
                  </a:lnTo>
                  <a:cubicBezTo>
                    <a:pt x="100996" y="34435"/>
                    <a:pt x="106402" y="39509"/>
                    <a:pt x="107051" y="50249"/>
                  </a:cubicBezTo>
                  <a:cubicBezTo>
                    <a:pt x="107700" y="58507"/>
                    <a:pt x="108349" y="85710"/>
                    <a:pt x="108349" y="107893"/>
                  </a:cubicBezTo>
                  <a:lnTo>
                    <a:pt x="108349" y="206880"/>
                  </a:lnTo>
                  <a:cubicBezTo>
                    <a:pt x="108349" y="215732"/>
                    <a:pt x="103537" y="218214"/>
                    <a:pt x="100401" y="218214"/>
                  </a:cubicBezTo>
                  <a:cubicBezTo>
                    <a:pt x="100401" y="218214"/>
                    <a:pt x="95643" y="218700"/>
                    <a:pt x="84181" y="218700"/>
                  </a:cubicBezTo>
                  <a:cubicBezTo>
                    <a:pt x="72719" y="218700"/>
                    <a:pt x="67961" y="218214"/>
                    <a:pt x="67961" y="218214"/>
                  </a:cubicBezTo>
                  <a:cubicBezTo>
                    <a:pt x="60933" y="218214"/>
                    <a:pt x="60284" y="213789"/>
                    <a:pt x="59689" y="208067"/>
                  </a:cubicBezTo>
                  <a:cubicBezTo>
                    <a:pt x="59040" y="198568"/>
                    <a:pt x="59040" y="166292"/>
                    <a:pt x="59040" y="151719"/>
                  </a:cubicBezTo>
                  <a:lnTo>
                    <a:pt x="59040" y="106058"/>
                  </a:lnTo>
                  <a:cubicBezTo>
                    <a:pt x="59040" y="88678"/>
                    <a:pt x="59689" y="22777"/>
                    <a:pt x="60284" y="5721"/>
                  </a:cubicBezTo>
                  <a:cubicBezTo>
                    <a:pt x="60284" y="1295"/>
                    <a:pt x="59040" y="0"/>
                    <a:pt x="57148" y="0"/>
                  </a:cubicBezTo>
                  <a:cubicBezTo>
                    <a:pt x="54751" y="325"/>
                    <a:pt x="52406" y="960"/>
                    <a:pt x="50173" y="1889"/>
                  </a:cubicBezTo>
                  <a:cubicBezTo>
                    <a:pt x="40009" y="8204"/>
                    <a:pt x="15301" y="16462"/>
                    <a:pt x="2595" y="20294"/>
                  </a:cubicBezTo>
                  <a:cubicBezTo>
                    <a:pt x="649" y="20888"/>
                    <a:pt x="0" y="22129"/>
                    <a:pt x="0" y="22777"/>
                  </a:cubicBezTo>
                  <a:lnTo>
                    <a:pt x="0" y="26771"/>
                  </a:lnTo>
                  <a:cubicBezTo>
                    <a:pt x="0" y="28120"/>
                    <a:pt x="0" y="28714"/>
                    <a:pt x="1946" y="29415"/>
                  </a:cubicBezTo>
                  <a:lnTo>
                    <a:pt x="8272" y="31251"/>
                  </a:lnTo>
                  <a:cubicBezTo>
                    <a:pt x="18437" y="34435"/>
                    <a:pt x="23789" y="39509"/>
                    <a:pt x="24492" y="50249"/>
                  </a:cubicBezTo>
                  <a:cubicBezTo>
                    <a:pt x="25195" y="58507"/>
                    <a:pt x="25790" y="85710"/>
                    <a:pt x="25790" y="107893"/>
                  </a:cubicBezTo>
                  <a:lnTo>
                    <a:pt x="25790" y="206880"/>
                  </a:lnTo>
                  <a:cubicBezTo>
                    <a:pt x="25790" y="215732"/>
                    <a:pt x="21032" y="218214"/>
                    <a:pt x="17842" y="218214"/>
                  </a:cubicBezTo>
                  <a:lnTo>
                    <a:pt x="5569" y="218214"/>
                  </a:lnTo>
                  <a:cubicBezTo>
                    <a:pt x="1784" y="218214"/>
                    <a:pt x="1135" y="218862"/>
                    <a:pt x="1135" y="220805"/>
                  </a:cubicBezTo>
                  <a:lnTo>
                    <a:pt x="1135" y="226796"/>
                  </a:lnTo>
                  <a:cubicBezTo>
                    <a:pt x="1135" y="228685"/>
                    <a:pt x="1784" y="229981"/>
                    <a:pt x="3677" y="229981"/>
                  </a:cubicBezTo>
                  <a:cubicBezTo>
                    <a:pt x="5569" y="229981"/>
                    <a:pt x="65799" y="229387"/>
                    <a:pt x="125596" y="229387"/>
                  </a:cubicBezTo>
                  <a:cubicBezTo>
                    <a:pt x="183338" y="229387"/>
                    <a:pt x="240108" y="229981"/>
                    <a:pt x="241351" y="229981"/>
                  </a:cubicBezTo>
                  <a:cubicBezTo>
                    <a:pt x="242595" y="229981"/>
                    <a:pt x="243893" y="228685"/>
                    <a:pt x="243893" y="226796"/>
                  </a:cubicBezTo>
                  <a:lnTo>
                    <a:pt x="243893" y="220427"/>
                  </a:lnTo>
                  <a:cubicBezTo>
                    <a:pt x="243893" y="218862"/>
                    <a:pt x="243298" y="218214"/>
                    <a:pt x="240757" y="218214"/>
                  </a:cubicBezTo>
                </a:path>
              </a:pathLst>
            </a:custGeom>
            <a:solidFill>
              <a:srgbClr val="FFFFFF"/>
            </a:solidFill>
            <a:ln w="5397" cap="flat">
              <a:noFill/>
              <a:prstDash val="solid"/>
              <a:miter/>
            </a:ln>
          </p:spPr>
          <p:txBody>
            <a:bodyPr rtlCol="0" anchor="ctr"/>
            <a:lstStyle/>
            <a:p>
              <a:endParaRPr lang="en-US"/>
            </a:p>
          </p:txBody>
        </p:sp>
        <p:sp>
          <p:nvSpPr>
            <p:cNvPr id="56" name="Freeform: Shape 55">
              <a:extLst>
                <a:ext uri="{FF2B5EF4-FFF2-40B4-BE49-F238E27FC236}">
                  <a16:creationId xmlns:a16="http://schemas.microsoft.com/office/drawing/2014/main" id="{898B4E05-48AC-40C4-AA7E-F1DF54334A12}"/>
                </a:ext>
              </a:extLst>
            </p:cNvPr>
            <p:cNvSpPr/>
            <p:nvPr/>
          </p:nvSpPr>
          <p:spPr>
            <a:xfrm>
              <a:off x="451018" y="482538"/>
              <a:ext cx="207885" cy="233810"/>
            </a:xfrm>
            <a:custGeom>
              <a:avLst/>
              <a:gdLst>
                <a:gd name="connsiteX0" fmla="*/ 207248 w 207885"/>
                <a:gd name="connsiteY0" fmla="*/ 183561 h 233810"/>
                <a:gd name="connsiteX1" fmla="*/ 201247 w 207885"/>
                <a:gd name="connsiteY1" fmla="*/ 178164 h 233810"/>
                <a:gd name="connsiteX2" fmla="*/ 199463 w 207885"/>
                <a:gd name="connsiteY2" fmla="*/ 178488 h 233810"/>
                <a:gd name="connsiteX3" fmla="*/ 126149 w 207885"/>
                <a:gd name="connsiteY3" fmla="*/ 211897 h 233810"/>
                <a:gd name="connsiteX4" fmla="*/ 71650 w 207885"/>
                <a:gd name="connsiteY4" fmla="*/ 187123 h 233810"/>
                <a:gd name="connsiteX5" fmla="*/ 42617 w 207885"/>
                <a:gd name="connsiteY5" fmla="*/ 104760 h 233810"/>
                <a:gd name="connsiteX6" fmla="*/ 114308 w 207885"/>
                <a:gd name="connsiteY6" fmla="*/ 13599 h 233810"/>
                <a:gd name="connsiteX7" fmla="*/ 169402 w 207885"/>
                <a:gd name="connsiteY7" fmla="*/ 37023 h 233810"/>
                <a:gd name="connsiteX8" fmla="*/ 194164 w 207885"/>
                <a:gd name="connsiteY8" fmla="*/ 78151 h 233810"/>
                <a:gd name="connsiteX9" fmla="*/ 197570 w 207885"/>
                <a:gd name="connsiteY9" fmla="*/ 81390 h 233810"/>
                <a:gd name="connsiteX10" fmla="*/ 203626 w 207885"/>
                <a:gd name="connsiteY10" fmla="*/ 79447 h 233810"/>
                <a:gd name="connsiteX11" fmla="*/ 204923 w 207885"/>
                <a:gd name="connsiteY11" fmla="*/ 76208 h 233810"/>
                <a:gd name="connsiteX12" fmla="*/ 197300 w 207885"/>
                <a:gd name="connsiteY12" fmla="*/ 10469 h 233810"/>
                <a:gd name="connsiteX13" fmla="*/ 192813 w 207885"/>
                <a:gd name="connsiteY13" fmla="*/ 5071 h 233810"/>
                <a:gd name="connsiteX14" fmla="*/ 187784 w 207885"/>
                <a:gd name="connsiteY14" fmla="*/ 7014 h 233810"/>
                <a:gd name="connsiteX15" fmla="*/ 185622 w 207885"/>
                <a:gd name="connsiteY15" fmla="*/ 15488 h 233810"/>
                <a:gd name="connsiteX16" fmla="*/ 179296 w 207885"/>
                <a:gd name="connsiteY16" fmla="*/ 15488 h 233810"/>
                <a:gd name="connsiteX17" fmla="*/ 114957 w 207885"/>
                <a:gd name="connsiteY17" fmla="*/ 52 h 233810"/>
                <a:gd name="connsiteX18" fmla="*/ 32452 w 207885"/>
                <a:gd name="connsiteY18" fmla="*/ 33623 h 233810"/>
                <a:gd name="connsiteX19" fmla="*/ 13 w 207885"/>
                <a:gd name="connsiteY19" fmla="*/ 118523 h 233810"/>
                <a:gd name="connsiteX20" fmla="*/ 34236 w 207885"/>
                <a:gd name="connsiteY20" fmla="*/ 204071 h 233810"/>
                <a:gd name="connsiteX21" fmla="*/ 117444 w 207885"/>
                <a:gd name="connsiteY21" fmla="*/ 233810 h 233810"/>
                <a:gd name="connsiteX22" fmla="*/ 207573 w 207885"/>
                <a:gd name="connsiteY22" fmla="*/ 186530 h 233810"/>
                <a:gd name="connsiteX23" fmla="*/ 207248 w 207885"/>
                <a:gd name="connsiteY23" fmla="*/ 183561 h 233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07885" h="233810">
                  <a:moveTo>
                    <a:pt x="207248" y="183561"/>
                  </a:moveTo>
                  <a:cubicBezTo>
                    <a:pt x="205194" y="181618"/>
                    <a:pt x="201517" y="178164"/>
                    <a:pt x="201247" y="178164"/>
                  </a:cubicBezTo>
                  <a:cubicBezTo>
                    <a:pt x="200976" y="178164"/>
                    <a:pt x="199787" y="178164"/>
                    <a:pt x="199463" y="178488"/>
                  </a:cubicBezTo>
                  <a:cubicBezTo>
                    <a:pt x="181340" y="200115"/>
                    <a:pt x="154389" y="212396"/>
                    <a:pt x="126149" y="211897"/>
                  </a:cubicBezTo>
                  <a:cubicBezTo>
                    <a:pt x="110956" y="211897"/>
                    <a:pt x="92520" y="209306"/>
                    <a:pt x="71650" y="187123"/>
                  </a:cubicBezTo>
                  <a:cubicBezTo>
                    <a:pt x="48348" y="161972"/>
                    <a:pt x="42617" y="124190"/>
                    <a:pt x="42617" y="104760"/>
                  </a:cubicBezTo>
                  <a:cubicBezTo>
                    <a:pt x="42617" y="59206"/>
                    <a:pt x="63594" y="13599"/>
                    <a:pt x="114308" y="13599"/>
                  </a:cubicBezTo>
                  <a:cubicBezTo>
                    <a:pt x="135118" y="13515"/>
                    <a:pt x="155044" y="21987"/>
                    <a:pt x="169402" y="37023"/>
                  </a:cubicBezTo>
                  <a:cubicBezTo>
                    <a:pt x="180502" y="48811"/>
                    <a:pt x="188945" y="62835"/>
                    <a:pt x="194164" y="78151"/>
                  </a:cubicBezTo>
                  <a:cubicBezTo>
                    <a:pt x="195083" y="80688"/>
                    <a:pt x="196056" y="81983"/>
                    <a:pt x="197570" y="81390"/>
                  </a:cubicBezTo>
                  <a:lnTo>
                    <a:pt x="203626" y="79447"/>
                  </a:lnTo>
                  <a:cubicBezTo>
                    <a:pt x="204923" y="79123"/>
                    <a:pt x="205248" y="78151"/>
                    <a:pt x="204923" y="76208"/>
                  </a:cubicBezTo>
                  <a:cubicBezTo>
                    <a:pt x="203626" y="66763"/>
                    <a:pt x="197300" y="16082"/>
                    <a:pt x="197300" y="10469"/>
                  </a:cubicBezTo>
                  <a:cubicBezTo>
                    <a:pt x="197300" y="5989"/>
                    <a:pt x="196651" y="5071"/>
                    <a:pt x="192813" y="5071"/>
                  </a:cubicBezTo>
                  <a:cubicBezTo>
                    <a:pt x="188974" y="5071"/>
                    <a:pt x="188379" y="5071"/>
                    <a:pt x="187784" y="7014"/>
                  </a:cubicBezTo>
                  <a:lnTo>
                    <a:pt x="185622" y="15488"/>
                  </a:lnTo>
                  <a:cubicBezTo>
                    <a:pt x="185027" y="17971"/>
                    <a:pt x="183729" y="17971"/>
                    <a:pt x="179296" y="15488"/>
                  </a:cubicBezTo>
                  <a:cubicBezTo>
                    <a:pt x="159418" y="5219"/>
                    <a:pt x="137339" y="-78"/>
                    <a:pt x="114957" y="52"/>
                  </a:cubicBezTo>
                  <a:cubicBezTo>
                    <a:pt x="83939" y="-899"/>
                    <a:pt x="53966" y="11297"/>
                    <a:pt x="32452" y="33623"/>
                  </a:cubicBezTo>
                  <a:cubicBezTo>
                    <a:pt x="11171" y="56747"/>
                    <a:pt x="-436" y="87125"/>
                    <a:pt x="13" y="118523"/>
                  </a:cubicBezTo>
                  <a:cubicBezTo>
                    <a:pt x="13" y="146373"/>
                    <a:pt x="10826" y="183291"/>
                    <a:pt x="34236" y="204071"/>
                  </a:cubicBezTo>
                  <a:cubicBezTo>
                    <a:pt x="53971" y="221774"/>
                    <a:pt x="76786" y="233810"/>
                    <a:pt x="117444" y="233810"/>
                  </a:cubicBezTo>
                  <a:cubicBezTo>
                    <a:pt x="159183" y="233810"/>
                    <a:pt x="188325" y="211465"/>
                    <a:pt x="207573" y="186530"/>
                  </a:cubicBezTo>
                  <a:cubicBezTo>
                    <a:pt x="208088" y="185568"/>
                    <a:pt x="207959" y="184389"/>
                    <a:pt x="207248" y="183561"/>
                  </a:cubicBezTo>
                </a:path>
              </a:pathLst>
            </a:custGeom>
            <a:solidFill>
              <a:srgbClr val="FFFFFF"/>
            </a:solidFill>
            <a:ln w="5397" cap="flat">
              <a:noFill/>
              <a:prstDash val="solid"/>
              <a:miter/>
            </a:ln>
          </p:spPr>
          <p:txBody>
            <a:bodyPr rtlCol="0" anchor="ctr"/>
            <a:lstStyle/>
            <a:p>
              <a:endParaRPr lang="en-US"/>
            </a:p>
          </p:txBody>
        </p:sp>
        <p:sp>
          <p:nvSpPr>
            <p:cNvPr id="57" name="Freeform: Shape 56">
              <a:extLst>
                <a:ext uri="{FF2B5EF4-FFF2-40B4-BE49-F238E27FC236}">
                  <a16:creationId xmlns:a16="http://schemas.microsoft.com/office/drawing/2014/main" id="{D22C52C5-42FA-40AD-9ABE-11EFA1637784}"/>
                </a:ext>
              </a:extLst>
            </p:cNvPr>
            <p:cNvSpPr/>
            <p:nvPr/>
          </p:nvSpPr>
          <p:spPr>
            <a:xfrm>
              <a:off x="1003695" y="515837"/>
              <a:ext cx="38711" cy="38645"/>
            </a:xfrm>
            <a:custGeom>
              <a:avLst/>
              <a:gdLst>
                <a:gd name="connsiteX0" fmla="*/ 38711 w 38711"/>
                <a:gd name="connsiteY0" fmla="*/ 19377 h 38645"/>
                <a:gd name="connsiteX1" fmla="*/ 19302 w 38711"/>
                <a:gd name="connsiteY1" fmla="*/ 38645 h 38645"/>
                <a:gd name="connsiteX2" fmla="*/ 0 w 38711"/>
                <a:gd name="connsiteY2" fmla="*/ 19269 h 38645"/>
                <a:gd name="connsiteX3" fmla="*/ 19356 w 38711"/>
                <a:gd name="connsiteY3" fmla="*/ 0 h 38645"/>
                <a:gd name="connsiteX4" fmla="*/ 38712 w 38711"/>
                <a:gd name="connsiteY4" fmla="*/ 19214 h 38645"/>
                <a:gd name="connsiteX5" fmla="*/ 38711 w 38711"/>
                <a:gd name="connsiteY5" fmla="*/ 19376 h 38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711" h="38645">
                  <a:moveTo>
                    <a:pt x="38711" y="19377"/>
                  </a:moveTo>
                  <a:cubicBezTo>
                    <a:pt x="38681" y="30048"/>
                    <a:pt x="29991" y="38675"/>
                    <a:pt x="19302" y="38645"/>
                  </a:cubicBezTo>
                  <a:cubicBezTo>
                    <a:pt x="8612" y="38615"/>
                    <a:pt x="-30" y="29940"/>
                    <a:pt x="0" y="19269"/>
                  </a:cubicBezTo>
                  <a:cubicBezTo>
                    <a:pt x="30" y="8618"/>
                    <a:pt x="8687" y="0"/>
                    <a:pt x="19356" y="0"/>
                  </a:cubicBezTo>
                  <a:cubicBezTo>
                    <a:pt x="30016" y="-30"/>
                    <a:pt x="38682" y="8573"/>
                    <a:pt x="38712" y="19214"/>
                  </a:cubicBezTo>
                  <a:cubicBezTo>
                    <a:pt x="38712" y="19268"/>
                    <a:pt x="38712" y="19322"/>
                    <a:pt x="38711" y="19376"/>
                  </a:cubicBezTo>
                </a:path>
              </a:pathLst>
            </a:custGeom>
            <a:solidFill>
              <a:srgbClr val="FFFFFF"/>
            </a:solidFill>
            <a:ln w="5397" cap="flat">
              <a:noFill/>
              <a:prstDash val="solid"/>
              <a:miter/>
            </a:ln>
          </p:spPr>
          <p:txBody>
            <a:bodyPr rtlCol="0" anchor="ctr"/>
            <a:lstStyle/>
            <a:p>
              <a:endParaRPr lang="en-US"/>
            </a:p>
          </p:txBody>
        </p:sp>
      </p:grpSp>
    </p:spTree>
    <p:extLst>
      <p:ext uri="{BB962C8B-B14F-4D97-AF65-F5344CB8AC3E}">
        <p14:creationId xmlns:p14="http://schemas.microsoft.com/office/powerpoint/2010/main" val="319699437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nd C">
    <p:bg>
      <p:bgPr>
        <a:solidFill>
          <a:schemeClr val="bg1"/>
        </a:solidFill>
        <a:effectLst/>
      </p:bgPr>
    </p:bg>
    <p:spTree>
      <p:nvGrpSpPr>
        <p:cNvPr id="1" name=""/>
        <p:cNvGrpSpPr/>
        <p:nvPr/>
      </p:nvGrpSpPr>
      <p:grpSpPr>
        <a:xfrm>
          <a:off x="0" y="0"/>
          <a:ext cx="0" cy="0"/>
          <a:chOff x="0" y="0"/>
          <a:chExt cx="0" cy="0"/>
        </a:xfrm>
      </p:grpSpPr>
      <p:sp>
        <p:nvSpPr>
          <p:cNvPr id="46" name="Rectangle 45">
            <a:extLst>
              <a:ext uri="{FF2B5EF4-FFF2-40B4-BE49-F238E27FC236}">
                <a16:creationId xmlns:a16="http://schemas.microsoft.com/office/drawing/2014/main" id="{8D445732-317B-4AB0-8EC3-5781E0D7CEB5}"/>
              </a:ext>
            </a:extLst>
          </p:cNvPr>
          <p:cNvSpPr/>
          <p:nvPr userDrawn="1"/>
        </p:nvSpPr>
        <p:spPr>
          <a:xfrm>
            <a:off x="179388" y="203200"/>
            <a:ext cx="3332162" cy="1200150"/>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45" name="Group 44">
            <a:extLst>
              <a:ext uri="{FF2B5EF4-FFF2-40B4-BE49-F238E27FC236}">
                <a16:creationId xmlns:a16="http://schemas.microsoft.com/office/drawing/2014/main" id="{E76DA6C4-282B-4A64-BCCE-25931B90CD85}"/>
              </a:ext>
            </a:extLst>
          </p:cNvPr>
          <p:cNvGrpSpPr/>
          <p:nvPr userDrawn="1"/>
        </p:nvGrpSpPr>
        <p:grpSpPr>
          <a:xfrm>
            <a:off x="301428" y="311150"/>
            <a:ext cx="1276245" cy="725107"/>
            <a:chOff x="301429" y="316730"/>
            <a:chExt cx="1272014" cy="722703"/>
          </a:xfrm>
        </p:grpSpPr>
        <p:sp>
          <p:nvSpPr>
            <p:cNvPr id="6" name="Freeform: Shape 5">
              <a:extLst>
                <a:ext uri="{FF2B5EF4-FFF2-40B4-BE49-F238E27FC236}">
                  <a16:creationId xmlns:a16="http://schemas.microsoft.com/office/drawing/2014/main" id="{00042B7C-751F-4CFD-9699-D6361A29CB2A}"/>
                </a:ext>
              </a:extLst>
            </p:cNvPr>
            <p:cNvSpPr/>
            <p:nvPr/>
          </p:nvSpPr>
          <p:spPr>
            <a:xfrm>
              <a:off x="301429" y="316730"/>
              <a:ext cx="1272014" cy="722703"/>
            </a:xfrm>
            <a:custGeom>
              <a:avLst/>
              <a:gdLst>
                <a:gd name="connsiteX0" fmla="*/ 1198863 w 1272014"/>
                <a:gd name="connsiteY0" fmla="*/ 0 h 722703"/>
                <a:gd name="connsiteX1" fmla="*/ 73152 w 1272014"/>
                <a:gd name="connsiteY1" fmla="*/ 0 h 722703"/>
                <a:gd name="connsiteX2" fmla="*/ 0 w 1272014"/>
                <a:gd name="connsiteY2" fmla="*/ 73080 h 722703"/>
                <a:gd name="connsiteX3" fmla="*/ 0 w 1272014"/>
                <a:gd name="connsiteY3" fmla="*/ 649893 h 722703"/>
                <a:gd name="connsiteX4" fmla="*/ 68718 w 1272014"/>
                <a:gd name="connsiteY4" fmla="*/ 722703 h 722703"/>
                <a:gd name="connsiteX5" fmla="*/ 1203297 w 1272014"/>
                <a:gd name="connsiteY5" fmla="*/ 722703 h 722703"/>
                <a:gd name="connsiteX6" fmla="*/ 1272015 w 1272014"/>
                <a:gd name="connsiteY6" fmla="*/ 649677 h 722703"/>
                <a:gd name="connsiteX7" fmla="*/ 1272015 w 1272014"/>
                <a:gd name="connsiteY7" fmla="*/ 73080 h 722703"/>
                <a:gd name="connsiteX8" fmla="*/ 1198863 w 1272014"/>
                <a:gd name="connsiteY8" fmla="*/ 0 h 7227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72014" h="722703">
                  <a:moveTo>
                    <a:pt x="1198863" y="0"/>
                  </a:moveTo>
                  <a:lnTo>
                    <a:pt x="73152" y="0"/>
                  </a:lnTo>
                  <a:cubicBezTo>
                    <a:pt x="32755" y="60"/>
                    <a:pt x="30" y="32752"/>
                    <a:pt x="0" y="73080"/>
                  </a:cubicBezTo>
                  <a:lnTo>
                    <a:pt x="0" y="649893"/>
                  </a:lnTo>
                  <a:cubicBezTo>
                    <a:pt x="70" y="688463"/>
                    <a:pt x="30154" y="720339"/>
                    <a:pt x="68718" y="722703"/>
                  </a:cubicBezTo>
                  <a:lnTo>
                    <a:pt x="1203297" y="722703"/>
                  </a:lnTo>
                  <a:cubicBezTo>
                    <a:pt x="1241932" y="720308"/>
                    <a:pt x="1272032" y="688320"/>
                    <a:pt x="1272015" y="649677"/>
                  </a:cubicBezTo>
                  <a:lnTo>
                    <a:pt x="1272015" y="73080"/>
                  </a:lnTo>
                  <a:cubicBezTo>
                    <a:pt x="1271985" y="32752"/>
                    <a:pt x="1239260" y="60"/>
                    <a:pt x="1198863" y="0"/>
                  </a:cubicBezTo>
                  <a:close/>
                </a:path>
              </a:pathLst>
            </a:custGeom>
            <a:solidFill>
              <a:srgbClr val="FFFFFF"/>
            </a:solidFill>
            <a:ln w="5397" cap="flat">
              <a:noFill/>
              <a:prstDash val="solid"/>
              <a:miter/>
            </a:ln>
          </p:spPr>
          <p:txBody>
            <a:bodyPr rtlCol="0" anchor="ctr"/>
            <a:lstStyle/>
            <a:p>
              <a:endParaRPr lang="en-US"/>
            </a:p>
          </p:txBody>
        </p:sp>
        <p:sp>
          <p:nvSpPr>
            <p:cNvPr id="7" name="Freeform: Shape 6">
              <a:extLst>
                <a:ext uri="{FF2B5EF4-FFF2-40B4-BE49-F238E27FC236}">
                  <a16:creationId xmlns:a16="http://schemas.microsoft.com/office/drawing/2014/main" id="{47666969-F300-45A3-B624-E7D5740E8DA9}"/>
                </a:ext>
              </a:extLst>
            </p:cNvPr>
            <p:cNvSpPr/>
            <p:nvPr/>
          </p:nvSpPr>
          <p:spPr>
            <a:xfrm>
              <a:off x="321650" y="913567"/>
              <a:ext cx="1231573" cy="52839"/>
            </a:xfrm>
            <a:custGeom>
              <a:avLst/>
              <a:gdLst>
                <a:gd name="connsiteX0" fmla="*/ 0 w 1231573"/>
                <a:gd name="connsiteY0" fmla="*/ 0 h 52839"/>
                <a:gd name="connsiteX1" fmla="*/ 1231573 w 1231573"/>
                <a:gd name="connsiteY1" fmla="*/ 0 h 52839"/>
                <a:gd name="connsiteX2" fmla="*/ 1231573 w 1231573"/>
                <a:gd name="connsiteY2" fmla="*/ 52840 h 52839"/>
                <a:gd name="connsiteX3" fmla="*/ 0 w 1231573"/>
                <a:gd name="connsiteY3" fmla="*/ 52840 h 52839"/>
                <a:gd name="connsiteX4" fmla="*/ 0 w 1231573"/>
                <a:gd name="connsiteY4" fmla="*/ 0 h 52839"/>
                <a:gd name="connsiteX5" fmla="*/ 0 w 1231573"/>
                <a:gd name="connsiteY5" fmla="*/ 0 h 52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2839">
                  <a:moveTo>
                    <a:pt x="0" y="0"/>
                  </a:moveTo>
                  <a:lnTo>
                    <a:pt x="1231573" y="0"/>
                  </a:lnTo>
                  <a:lnTo>
                    <a:pt x="1231573" y="52840"/>
                  </a:lnTo>
                  <a:lnTo>
                    <a:pt x="0" y="52840"/>
                  </a:lnTo>
                  <a:lnTo>
                    <a:pt x="0" y="0"/>
                  </a:lnTo>
                  <a:lnTo>
                    <a:pt x="0" y="0"/>
                  </a:lnTo>
                  <a:close/>
                </a:path>
              </a:pathLst>
            </a:custGeom>
            <a:solidFill>
              <a:srgbClr val="0C9ED9"/>
            </a:solidFill>
            <a:ln w="5397"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5628C59F-CB37-4011-B1A7-6CC998917AAE}"/>
                </a:ext>
              </a:extLst>
            </p:cNvPr>
            <p:cNvSpPr/>
            <p:nvPr/>
          </p:nvSpPr>
          <p:spPr>
            <a:xfrm>
              <a:off x="321650" y="859810"/>
              <a:ext cx="1231573" cy="53757"/>
            </a:xfrm>
            <a:custGeom>
              <a:avLst/>
              <a:gdLst>
                <a:gd name="connsiteX0" fmla="*/ 0 w 1231573"/>
                <a:gd name="connsiteY0" fmla="*/ 0 h 53757"/>
                <a:gd name="connsiteX1" fmla="*/ 1231573 w 1231573"/>
                <a:gd name="connsiteY1" fmla="*/ 0 h 53757"/>
                <a:gd name="connsiteX2" fmla="*/ 1231573 w 1231573"/>
                <a:gd name="connsiteY2" fmla="*/ 53758 h 53757"/>
                <a:gd name="connsiteX3" fmla="*/ 0 w 1231573"/>
                <a:gd name="connsiteY3" fmla="*/ 53758 h 53757"/>
                <a:gd name="connsiteX4" fmla="*/ 0 w 1231573"/>
                <a:gd name="connsiteY4" fmla="*/ 0 h 53757"/>
                <a:gd name="connsiteX5" fmla="*/ 0 w 1231573"/>
                <a:gd name="connsiteY5" fmla="*/ 0 h 53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1573" h="53757">
                  <a:moveTo>
                    <a:pt x="0" y="0"/>
                  </a:moveTo>
                  <a:lnTo>
                    <a:pt x="1231573" y="0"/>
                  </a:lnTo>
                  <a:lnTo>
                    <a:pt x="1231573" y="53758"/>
                  </a:lnTo>
                  <a:lnTo>
                    <a:pt x="0" y="53758"/>
                  </a:lnTo>
                  <a:lnTo>
                    <a:pt x="0" y="0"/>
                  </a:lnTo>
                  <a:lnTo>
                    <a:pt x="0" y="0"/>
                  </a:lnTo>
                  <a:close/>
                </a:path>
              </a:pathLst>
            </a:custGeom>
            <a:solidFill>
              <a:srgbClr val="FFD400"/>
            </a:solidFill>
            <a:ln w="5397"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DD7C49AE-2115-4F40-AAC5-1EFC672FCBA2}"/>
                </a:ext>
              </a:extLst>
            </p:cNvPr>
            <p:cNvSpPr/>
            <p:nvPr/>
          </p:nvSpPr>
          <p:spPr>
            <a:xfrm>
              <a:off x="321650" y="966623"/>
              <a:ext cx="1231573" cy="52624"/>
            </a:xfrm>
            <a:custGeom>
              <a:avLst/>
              <a:gdLst>
                <a:gd name="connsiteX0" fmla="*/ 49741 w 1231573"/>
                <a:gd name="connsiteY0" fmla="*/ 52624 h 52624"/>
                <a:gd name="connsiteX1" fmla="*/ 1181833 w 1231573"/>
                <a:gd name="connsiteY1" fmla="*/ 52624 h 52624"/>
                <a:gd name="connsiteX2" fmla="*/ 1231573 w 1231573"/>
                <a:gd name="connsiteY2" fmla="*/ 0 h 52624"/>
                <a:gd name="connsiteX3" fmla="*/ 1231573 w 1231573"/>
                <a:gd name="connsiteY3" fmla="*/ 0 h 52624"/>
                <a:gd name="connsiteX4" fmla="*/ 0 w 1231573"/>
                <a:gd name="connsiteY4" fmla="*/ 0 h 52624"/>
                <a:gd name="connsiteX5" fmla="*/ 0 w 1231573"/>
                <a:gd name="connsiteY5" fmla="*/ 0 h 52624"/>
                <a:gd name="connsiteX6" fmla="*/ 49741 w 1231573"/>
                <a:gd name="connsiteY6" fmla="*/ 52624 h 52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31573" h="52624">
                  <a:moveTo>
                    <a:pt x="49741" y="52624"/>
                  </a:moveTo>
                  <a:lnTo>
                    <a:pt x="1181833" y="52624"/>
                  </a:lnTo>
                  <a:cubicBezTo>
                    <a:pt x="1209742" y="50969"/>
                    <a:pt x="1231537" y="27910"/>
                    <a:pt x="1231573" y="0"/>
                  </a:cubicBezTo>
                  <a:lnTo>
                    <a:pt x="1231573" y="0"/>
                  </a:lnTo>
                  <a:lnTo>
                    <a:pt x="0" y="0"/>
                  </a:lnTo>
                  <a:lnTo>
                    <a:pt x="0" y="0"/>
                  </a:lnTo>
                  <a:cubicBezTo>
                    <a:pt x="37" y="27910"/>
                    <a:pt x="21832" y="50969"/>
                    <a:pt x="49741" y="52624"/>
                  </a:cubicBezTo>
                  <a:close/>
                </a:path>
              </a:pathLst>
            </a:custGeom>
            <a:solidFill>
              <a:srgbClr val="ED1B34"/>
            </a:solidFill>
            <a:ln w="5397"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B6265D30-A1D2-418E-A597-B1E59A9A1B9E}"/>
                </a:ext>
              </a:extLst>
            </p:cNvPr>
            <p:cNvSpPr/>
            <p:nvPr/>
          </p:nvSpPr>
          <p:spPr>
            <a:xfrm>
              <a:off x="321650" y="336862"/>
              <a:ext cx="1231573" cy="523001"/>
            </a:xfrm>
            <a:custGeom>
              <a:avLst/>
              <a:gdLst>
                <a:gd name="connsiteX0" fmla="*/ 1178643 w 1231573"/>
                <a:gd name="connsiteY0" fmla="*/ 0 h 523001"/>
                <a:gd name="connsiteX1" fmla="*/ 52931 w 1231573"/>
                <a:gd name="connsiteY1" fmla="*/ 0 h 523001"/>
                <a:gd name="connsiteX2" fmla="*/ 0 w 1231573"/>
                <a:gd name="connsiteY2" fmla="*/ 52840 h 523001"/>
                <a:gd name="connsiteX3" fmla="*/ 0 w 1231573"/>
                <a:gd name="connsiteY3" fmla="*/ 52894 h 523001"/>
                <a:gd name="connsiteX4" fmla="*/ 0 w 1231573"/>
                <a:gd name="connsiteY4" fmla="*/ 523002 h 523001"/>
                <a:gd name="connsiteX5" fmla="*/ 1231573 w 1231573"/>
                <a:gd name="connsiteY5" fmla="*/ 523002 h 523001"/>
                <a:gd name="connsiteX6" fmla="*/ 1231573 w 1231573"/>
                <a:gd name="connsiteY6" fmla="*/ 52948 h 523001"/>
                <a:gd name="connsiteX7" fmla="*/ 1178697 w 1231573"/>
                <a:gd name="connsiteY7" fmla="*/ 54 h 523001"/>
                <a:gd name="connsiteX8" fmla="*/ 1178643 w 1231573"/>
                <a:gd name="connsiteY8" fmla="*/ 54 h 523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31573" h="523001">
                  <a:moveTo>
                    <a:pt x="1178643" y="0"/>
                  </a:moveTo>
                  <a:lnTo>
                    <a:pt x="52931" y="0"/>
                  </a:lnTo>
                  <a:cubicBezTo>
                    <a:pt x="23698" y="0"/>
                    <a:pt x="0" y="23657"/>
                    <a:pt x="0" y="52840"/>
                  </a:cubicBezTo>
                  <a:cubicBezTo>
                    <a:pt x="0" y="52858"/>
                    <a:pt x="0" y="52876"/>
                    <a:pt x="0" y="52894"/>
                  </a:cubicBezTo>
                  <a:lnTo>
                    <a:pt x="0" y="523002"/>
                  </a:lnTo>
                  <a:lnTo>
                    <a:pt x="1231573" y="523002"/>
                  </a:lnTo>
                  <a:lnTo>
                    <a:pt x="1231573" y="52948"/>
                  </a:lnTo>
                  <a:cubicBezTo>
                    <a:pt x="1231603" y="23765"/>
                    <a:pt x="1207930" y="84"/>
                    <a:pt x="1178697" y="54"/>
                  </a:cubicBezTo>
                  <a:cubicBezTo>
                    <a:pt x="1178679" y="54"/>
                    <a:pt x="1178661" y="54"/>
                    <a:pt x="1178643" y="54"/>
                  </a:cubicBezTo>
                  <a:close/>
                </a:path>
              </a:pathLst>
            </a:custGeom>
            <a:solidFill>
              <a:srgbClr val="25408F"/>
            </a:solidFill>
            <a:ln w="5397"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2B1DC4BA-A0A9-4B4E-89FF-049DC04B2ADF}"/>
                </a:ext>
              </a:extLst>
            </p:cNvPr>
            <p:cNvSpPr/>
            <p:nvPr/>
          </p:nvSpPr>
          <p:spPr>
            <a:xfrm>
              <a:off x="675316" y="576153"/>
              <a:ext cx="141364" cy="139795"/>
            </a:xfrm>
            <a:custGeom>
              <a:avLst/>
              <a:gdLst>
                <a:gd name="connsiteX0" fmla="*/ 119738 w 141364"/>
                <a:gd name="connsiteY0" fmla="*/ 18432 h 139795"/>
                <a:gd name="connsiteX1" fmla="*/ 141364 w 141364"/>
                <a:gd name="connsiteY1" fmla="*/ 68465 h 139795"/>
                <a:gd name="connsiteX2" fmla="*/ 121955 w 141364"/>
                <a:gd name="connsiteY2" fmla="*/ 116933 h 139795"/>
                <a:gd name="connsiteX3" fmla="*/ 68700 w 141364"/>
                <a:gd name="connsiteY3" fmla="*/ 139710 h 139795"/>
                <a:gd name="connsiteX4" fmla="*/ 17283 w 141364"/>
                <a:gd name="connsiteY4" fmla="*/ 116933 h 139795"/>
                <a:gd name="connsiteX5" fmla="*/ 144 w 141364"/>
                <a:gd name="connsiteY5" fmla="*/ 67817 h 139795"/>
                <a:gd name="connsiteX6" fmla="*/ 26744 w 141364"/>
                <a:gd name="connsiteY6" fmla="*/ 15247 h 139795"/>
                <a:gd name="connsiteX7" fmla="*/ 71781 w 141364"/>
                <a:gd name="connsiteY7" fmla="*/ 27 h 139795"/>
                <a:gd name="connsiteX8" fmla="*/ 119738 w 141364"/>
                <a:gd name="connsiteY8" fmla="*/ 18702 h 139795"/>
                <a:gd name="connsiteX9" fmla="*/ 102923 w 141364"/>
                <a:gd name="connsiteY9" fmla="*/ 67817 h 139795"/>
                <a:gd name="connsiteX10" fmla="*/ 69889 w 141364"/>
                <a:gd name="connsiteY10" fmla="*/ 12657 h 139795"/>
                <a:gd name="connsiteX11" fmla="*/ 49939 w 141364"/>
                <a:gd name="connsiteY11" fmla="*/ 21292 h 139795"/>
                <a:gd name="connsiteX12" fmla="*/ 36314 w 141364"/>
                <a:gd name="connsiteY12" fmla="*/ 68735 h 139795"/>
                <a:gd name="connsiteX13" fmla="*/ 46154 w 141364"/>
                <a:gd name="connsiteY13" fmla="*/ 112777 h 139795"/>
                <a:gd name="connsiteX14" fmla="*/ 71187 w 141364"/>
                <a:gd name="connsiteY14" fmla="*/ 126432 h 139795"/>
                <a:gd name="connsiteX15" fmla="*/ 102923 w 141364"/>
                <a:gd name="connsiteY15" fmla="*/ 67817 h 139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41364" h="139795">
                  <a:moveTo>
                    <a:pt x="119738" y="18432"/>
                  </a:moveTo>
                  <a:cubicBezTo>
                    <a:pt x="133579" y="31398"/>
                    <a:pt x="141411" y="49516"/>
                    <a:pt x="141364" y="68465"/>
                  </a:cubicBezTo>
                  <a:cubicBezTo>
                    <a:pt x="141122" y="86462"/>
                    <a:pt x="134207" y="103730"/>
                    <a:pt x="121955" y="116933"/>
                  </a:cubicBezTo>
                  <a:cubicBezTo>
                    <a:pt x="108309" y="131816"/>
                    <a:pt x="88906" y="140114"/>
                    <a:pt x="68700" y="139710"/>
                  </a:cubicBezTo>
                  <a:cubicBezTo>
                    <a:pt x="48900" y="140752"/>
                    <a:pt x="29794" y="132288"/>
                    <a:pt x="17283" y="116933"/>
                  </a:cubicBezTo>
                  <a:cubicBezTo>
                    <a:pt x="5143" y="103553"/>
                    <a:pt x="-1041" y="85831"/>
                    <a:pt x="144" y="67817"/>
                  </a:cubicBezTo>
                  <a:cubicBezTo>
                    <a:pt x="944" y="47270"/>
                    <a:pt x="10652" y="28084"/>
                    <a:pt x="26744" y="15247"/>
                  </a:cubicBezTo>
                  <a:cubicBezTo>
                    <a:pt x="39455" y="4969"/>
                    <a:pt x="55430" y="-430"/>
                    <a:pt x="71781" y="27"/>
                  </a:cubicBezTo>
                  <a:cubicBezTo>
                    <a:pt x="89613" y="-331"/>
                    <a:pt x="106859" y="6385"/>
                    <a:pt x="119738" y="18702"/>
                  </a:cubicBezTo>
                  <a:moveTo>
                    <a:pt x="102923" y="67817"/>
                  </a:moveTo>
                  <a:cubicBezTo>
                    <a:pt x="102923" y="32951"/>
                    <a:pt x="84541" y="12657"/>
                    <a:pt x="69889" y="12657"/>
                  </a:cubicBezTo>
                  <a:cubicBezTo>
                    <a:pt x="62264" y="12327"/>
                    <a:pt x="54909" y="15510"/>
                    <a:pt x="49939" y="21292"/>
                  </a:cubicBezTo>
                  <a:cubicBezTo>
                    <a:pt x="40098" y="32087"/>
                    <a:pt x="36314" y="45634"/>
                    <a:pt x="36314" y="68735"/>
                  </a:cubicBezTo>
                  <a:cubicBezTo>
                    <a:pt x="36314" y="87140"/>
                    <a:pt x="37557" y="99176"/>
                    <a:pt x="46154" y="112777"/>
                  </a:cubicBezTo>
                  <a:cubicBezTo>
                    <a:pt x="51131" y="121798"/>
                    <a:pt x="60893" y="127123"/>
                    <a:pt x="71187" y="126432"/>
                  </a:cubicBezTo>
                  <a:cubicBezTo>
                    <a:pt x="92110" y="126432"/>
                    <a:pt x="102923" y="100147"/>
                    <a:pt x="102923" y="67817"/>
                  </a:cubicBezTo>
                </a:path>
              </a:pathLst>
            </a:custGeom>
            <a:solidFill>
              <a:srgbClr val="FFFFFF"/>
            </a:solidFill>
            <a:ln w="5397"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828C66D5-10EC-46BC-BBBB-2F784B71D558}"/>
                </a:ext>
              </a:extLst>
            </p:cNvPr>
            <p:cNvSpPr/>
            <p:nvPr/>
          </p:nvSpPr>
          <p:spPr>
            <a:xfrm>
              <a:off x="1075235" y="575910"/>
              <a:ext cx="122797" cy="139718"/>
            </a:xfrm>
            <a:custGeom>
              <a:avLst/>
              <a:gdLst>
                <a:gd name="connsiteX0" fmla="*/ 33187 w 122797"/>
                <a:gd name="connsiteY0" fmla="*/ 65578 h 139718"/>
                <a:gd name="connsiteX1" fmla="*/ 74385 w 122797"/>
                <a:gd name="connsiteY1" fmla="*/ 116906 h 139718"/>
                <a:gd name="connsiteX2" fmla="*/ 112826 w 122797"/>
                <a:gd name="connsiteY2" fmla="*/ 98501 h 139718"/>
                <a:gd name="connsiteX3" fmla="*/ 116665 w 122797"/>
                <a:gd name="connsiteY3" fmla="*/ 96936 h 139718"/>
                <a:gd name="connsiteX4" fmla="*/ 121369 w 122797"/>
                <a:gd name="connsiteY4" fmla="*/ 99743 h 139718"/>
                <a:gd name="connsiteX5" fmla="*/ 121369 w 122797"/>
                <a:gd name="connsiteY5" fmla="*/ 106112 h 139718"/>
                <a:gd name="connsiteX6" fmla="*/ 63626 w 122797"/>
                <a:gd name="connsiteY6" fmla="*/ 139683 h 139718"/>
                <a:gd name="connsiteX7" fmla="*/ 17940 w 122797"/>
                <a:gd name="connsiteY7" fmla="*/ 122628 h 139718"/>
                <a:gd name="connsiteX8" fmla="*/ 152 w 122797"/>
                <a:gd name="connsiteY8" fmla="*/ 70327 h 139718"/>
                <a:gd name="connsiteX9" fmla="*/ 15561 w 122797"/>
                <a:gd name="connsiteY9" fmla="*/ 23424 h 139718"/>
                <a:gd name="connsiteX10" fmla="*/ 70763 w 122797"/>
                <a:gd name="connsiteY10" fmla="*/ 0 h 139718"/>
                <a:gd name="connsiteX11" fmla="*/ 118719 w 122797"/>
                <a:gd name="connsiteY11" fmla="*/ 50735 h 139718"/>
                <a:gd name="connsiteX12" fmla="*/ 109798 w 122797"/>
                <a:gd name="connsiteY12" fmla="*/ 55808 h 139718"/>
                <a:gd name="connsiteX13" fmla="*/ 33024 w 122797"/>
                <a:gd name="connsiteY13" fmla="*/ 55808 h 139718"/>
                <a:gd name="connsiteX14" fmla="*/ 33024 w 122797"/>
                <a:gd name="connsiteY14" fmla="*/ 65578 h 139718"/>
                <a:gd name="connsiteX15" fmla="*/ 72547 w 122797"/>
                <a:gd name="connsiteY15" fmla="*/ 44366 h 139718"/>
                <a:gd name="connsiteX16" fmla="*/ 82982 w 122797"/>
                <a:gd name="connsiteY16" fmla="*/ 39940 h 139718"/>
                <a:gd name="connsiteX17" fmla="*/ 63355 w 122797"/>
                <a:gd name="connsiteY17" fmla="*/ 11712 h 139718"/>
                <a:gd name="connsiteX18" fmla="*/ 34160 w 122797"/>
                <a:gd name="connsiteY18" fmla="*/ 44366 h 1397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2797" h="139718">
                  <a:moveTo>
                    <a:pt x="33187" y="65578"/>
                  </a:moveTo>
                  <a:cubicBezTo>
                    <a:pt x="33187" y="97962"/>
                    <a:pt x="56327" y="116906"/>
                    <a:pt x="74385" y="116906"/>
                  </a:cubicBezTo>
                  <a:cubicBezTo>
                    <a:pt x="94119" y="116906"/>
                    <a:pt x="106122" y="108594"/>
                    <a:pt x="112826" y="98501"/>
                  </a:cubicBezTo>
                  <a:cubicBezTo>
                    <a:pt x="114124" y="96288"/>
                    <a:pt x="115367" y="96288"/>
                    <a:pt x="116665" y="96936"/>
                  </a:cubicBezTo>
                  <a:lnTo>
                    <a:pt x="121369" y="99743"/>
                  </a:lnTo>
                  <a:cubicBezTo>
                    <a:pt x="122936" y="100714"/>
                    <a:pt x="123585" y="102010"/>
                    <a:pt x="121369" y="106112"/>
                  </a:cubicBezTo>
                  <a:cubicBezTo>
                    <a:pt x="110173" y="127440"/>
                    <a:pt x="87733" y="140486"/>
                    <a:pt x="63626" y="139683"/>
                  </a:cubicBezTo>
                  <a:cubicBezTo>
                    <a:pt x="43351" y="139683"/>
                    <a:pt x="29023" y="135257"/>
                    <a:pt x="17940" y="122628"/>
                  </a:cubicBezTo>
                  <a:cubicBezTo>
                    <a:pt x="3342" y="105788"/>
                    <a:pt x="152" y="89974"/>
                    <a:pt x="152" y="70327"/>
                  </a:cubicBezTo>
                  <a:cubicBezTo>
                    <a:pt x="-1009" y="53288"/>
                    <a:pt x="4517" y="36467"/>
                    <a:pt x="15561" y="23424"/>
                  </a:cubicBezTo>
                  <a:cubicBezTo>
                    <a:pt x="28861" y="6369"/>
                    <a:pt x="43189" y="0"/>
                    <a:pt x="70763" y="0"/>
                  </a:cubicBezTo>
                  <a:cubicBezTo>
                    <a:pt x="106933" y="0"/>
                    <a:pt x="118719" y="37781"/>
                    <a:pt x="118719" y="50735"/>
                  </a:cubicBezTo>
                  <a:cubicBezTo>
                    <a:pt x="118719" y="55431"/>
                    <a:pt x="115529" y="55808"/>
                    <a:pt x="109798" y="55808"/>
                  </a:cubicBezTo>
                  <a:lnTo>
                    <a:pt x="33024" y="55808"/>
                  </a:lnTo>
                  <a:lnTo>
                    <a:pt x="33024" y="65578"/>
                  </a:lnTo>
                  <a:close/>
                  <a:moveTo>
                    <a:pt x="72547" y="44366"/>
                  </a:moveTo>
                  <a:cubicBezTo>
                    <a:pt x="79143" y="44366"/>
                    <a:pt x="82982" y="42477"/>
                    <a:pt x="82982" y="39940"/>
                  </a:cubicBezTo>
                  <a:cubicBezTo>
                    <a:pt x="82982" y="30441"/>
                    <a:pt x="79846" y="11712"/>
                    <a:pt x="63355" y="11712"/>
                  </a:cubicBezTo>
                  <a:cubicBezTo>
                    <a:pt x="47784" y="11712"/>
                    <a:pt x="38215" y="23155"/>
                    <a:pt x="34160" y="44366"/>
                  </a:cubicBezTo>
                  <a:close/>
                </a:path>
              </a:pathLst>
            </a:custGeom>
            <a:solidFill>
              <a:srgbClr val="FFFFFF"/>
            </a:solidFill>
            <a:ln w="5397"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3337060E-BA30-43F7-ABC2-07C5BCABEB2D}"/>
                </a:ext>
              </a:extLst>
            </p:cNvPr>
            <p:cNvSpPr/>
            <p:nvPr/>
          </p:nvSpPr>
          <p:spPr>
            <a:xfrm>
              <a:off x="1209903" y="573989"/>
              <a:ext cx="109219" cy="138742"/>
            </a:xfrm>
            <a:custGeom>
              <a:avLst/>
              <a:gdLst>
                <a:gd name="connsiteX0" fmla="*/ 21897 w 109219"/>
                <a:gd name="connsiteY0" fmla="*/ 56434 h 138742"/>
                <a:gd name="connsiteX1" fmla="*/ 9840 w 109219"/>
                <a:gd name="connsiteY1" fmla="*/ 31714 h 138742"/>
                <a:gd name="connsiteX2" fmla="*/ 4433 w 109219"/>
                <a:gd name="connsiteY2" fmla="*/ 28529 h 138742"/>
                <a:gd name="connsiteX3" fmla="*/ 1892 w 109219"/>
                <a:gd name="connsiteY3" fmla="*/ 25993 h 138742"/>
                <a:gd name="connsiteX4" fmla="*/ 1892 w 109219"/>
                <a:gd name="connsiteY4" fmla="*/ 24103 h 138742"/>
                <a:gd name="connsiteX5" fmla="*/ 4433 w 109219"/>
                <a:gd name="connsiteY5" fmla="*/ 21243 h 138742"/>
                <a:gd name="connsiteX6" fmla="*/ 42820 w 109219"/>
                <a:gd name="connsiteY6" fmla="*/ 3162 h 138742"/>
                <a:gd name="connsiteX7" fmla="*/ 47903 w 109219"/>
                <a:gd name="connsiteY7" fmla="*/ 1920 h 138742"/>
                <a:gd name="connsiteX8" fmla="*/ 50768 w 109219"/>
                <a:gd name="connsiteY8" fmla="*/ 5753 h 138742"/>
                <a:gd name="connsiteX9" fmla="*/ 53580 w 109219"/>
                <a:gd name="connsiteY9" fmla="*/ 28529 h 138742"/>
                <a:gd name="connsiteX10" fmla="*/ 54877 w 109219"/>
                <a:gd name="connsiteY10" fmla="*/ 28529 h 138742"/>
                <a:gd name="connsiteX11" fmla="*/ 92723 w 109219"/>
                <a:gd name="connsiteY11" fmla="*/ 31 h 138742"/>
                <a:gd name="connsiteX12" fmla="*/ 109188 w 109219"/>
                <a:gd name="connsiteY12" fmla="*/ 14514 h 138742"/>
                <a:gd name="connsiteX13" fmla="*/ 109214 w 109219"/>
                <a:gd name="connsiteY13" fmla="*/ 15900 h 138742"/>
                <a:gd name="connsiteX14" fmla="*/ 92021 w 109219"/>
                <a:gd name="connsiteY14" fmla="*/ 32739 h 138742"/>
                <a:gd name="connsiteX15" fmla="*/ 81207 w 109219"/>
                <a:gd name="connsiteY15" fmla="*/ 30256 h 138742"/>
                <a:gd name="connsiteX16" fmla="*/ 72341 w 109219"/>
                <a:gd name="connsiteY16" fmla="*/ 27666 h 138742"/>
                <a:gd name="connsiteX17" fmla="*/ 59311 w 109219"/>
                <a:gd name="connsiteY17" fmla="*/ 37111 h 138742"/>
                <a:gd name="connsiteX18" fmla="*/ 55472 w 109219"/>
                <a:gd name="connsiteY18" fmla="*/ 52655 h 138742"/>
                <a:gd name="connsiteX19" fmla="*/ 55472 w 109219"/>
                <a:gd name="connsiteY19" fmla="*/ 113699 h 138742"/>
                <a:gd name="connsiteX20" fmla="*/ 64393 w 109219"/>
                <a:gd name="connsiteY20" fmla="*/ 126977 h 138742"/>
                <a:gd name="connsiteX21" fmla="*/ 78396 w 109219"/>
                <a:gd name="connsiteY21" fmla="*/ 126977 h 138742"/>
                <a:gd name="connsiteX22" fmla="*/ 80883 w 109219"/>
                <a:gd name="connsiteY22" fmla="*/ 129190 h 138742"/>
                <a:gd name="connsiteX23" fmla="*/ 80883 w 109219"/>
                <a:gd name="connsiteY23" fmla="*/ 136530 h 138742"/>
                <a:gd name="connsiteX24" fmla="*/ 78666 w 109219"/>
                <a:gd name="connsiteY24" fmla="*/ 138743 h 138742"/>
                <a:gd name="connsiteX25" fmla="*/ 39306 w 109219"/>
                <a:gd name="connsiteY25" fmla="*/ 137771 h 138742"/>
                <a:gd name="connsiteX26" fmla="*/ 2217 w 109219"/>
                <a:gd name="connsiteY26" fmla="*/ 138743 h 138742"/>
                <a:gd name="connsiteX27" fmla="*/ 0 w 109219"/>
                <a:gd name="connsiteY27" fmla="*/ 136530 h 138742"/>
                <a:gd name="connsiteX28" fmla="*/ 0 w 109219"/>
                <a:gd name="connsiteY28" fmla="*/ 129891 h 138742"/>
                <a:gd name="connsiteX29" fmla="*/ 2811 w 109219"/>
                <a:gd name="connsiteY29" fmla="*/ 127301 h 138742"/>
                <a:gd name="connsiteX30" fmla="*/ 13949 w 109219"/>
                <a:gd name="connsiteY30" fmla="*/ 127301 h 138742"/>
                <a:gd name="connsiteX31" fmla="*/ 22208 w 109219"/>
                <a:gd name="connsiteY31" fmla="*/ 120868 h 138742"/>
                <a:gd name="connsiteX32" fmla="*/ 22167 w 109219"/>
                <a:gd name="connsiteY32" fmla="*/ 118773 h 138742"/>
                <a:gd name="connsiteX33" fmla="*/ 22167 w 109219"/>
                <a:gd name="connsiteY33" fmla="*/ 56434 h 1387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09219" h="138742">
                  <a:moveTo>
                    <a:pt x="21897" y="56434"/>
                  </a:moveTo>
                  <a:cubicBezTo>
                    <a:pt x="21897" y="41861"/>
                    <a:pt x="19356" y="36787"/>
                    <a:pt x="9840" y="31714"/>
                  </a:cubicBezTo>
                  <a:lnTo>
                    <a:pt x="4433" y="28529"/>
                  </a:lnTo>
                  <a:cubicBezTo>
                    <a:pt x="2541" y="27882"/>
                    <a:pt x="1892" y="27288"/>
                    <a:pt x="1892" y="25993"/>
                  </a:cubicBezTo>
                  <a:lnTo>
                    <a:pt x="1892" y="24103"/>
                  </a:lnTo>
                  <a:cubicBezTo>
                    <a:pt x="1892" y="22862"/>
                    <a:pt x="2541" y="22214"/>
                    <a:pt x="4433" y="21243"/>
                  </a:cubicBezTo>
                  <a:lnTo>
                    <a:pt x="42820" y="3162"/>
                  </a:lnTo>
                  <a:cubicBezTo>
                    <a:pt x="44432" y="2465"/>
                    <a:pt x="46151" y="2045"/>
                    <a:pt x="47903" y="1920"/>
                  </a:cubicBezTo>
                  <a:cubicBezTo>
                    <a:pt x="49795" y="1920"/>
                    <a:pt x="50390" y="3863"/>
                    <a:pt x="50768" y="5753"/>
                  </a:cubicBezTo>
                  <a:lnTo>
                    <a:pt x="53580" y="28529"/>
                  </a:lnTo>
                  <a:lnTo>
                    <a:pt x="54877" y="28529"/>
                  </a:lnTo>
                  <a:cubicBezTo>
                    <a:pt x="65690" y="10826"/>
                    <a:pt x="78991" y="31"/>
                    <a:pt x="92723" y="31"/>
                  </a:cubicBezTo>
                  <a:cubicBezTo>
                    <a:pt x="101276" y="-508"/>
                    <a:pt x="108648" y="5976"/>
                    <a:pt x="109188" y="14514"/>
                  </a:cubicBezTo>
                  <a:cubicBezTo>
                    <a:pt x="109217" y="14975"/>
                    <a:pt x="109226" y="15438"/>
                    <a:pt x="109214" y="15900"/>
                  </a:cubicBezTo>
                  <a:cubicBezTo>
                    <a:pt x="108478" y="25001"/>
                    <a:pt x="101150" y="32178"/>
                    <a:pt x="92021" y="32739"/>
                  </a:cubicBezTo>
                  <a:cubicBezTo>
                    <a:pt x="88276" y="32726"/>
                    <a:pt x="84582" y="31878"/>
                    <a:pt x="81207" y="30256"/>
                  </a:cubicBezTo>
                  <a:cubicBezTo>
                    <a:pt x="78625" y="28428"/>
                    <a:pt x="75503" y="27516"/>
                    <a:pt x="72341" y="27666"/>
                  </a:cubicBezTo>
                  <a:cubicBezTo>
                    <a:pt x="66660" y="28369"/>
                    <a:pt x="61739" y="31936"/>
                    <a:pt x="59311" y="37111"/>
                  </a:cubicBezTo>
                  <a:cubicBezTo>
                    <a:pt x="56873" y="41937"/>
                    <a:pt x="55561" y="47251"/>
                    <a:pt x="55472" y="52655"/>
                  </a:cubicBezTo>
                  <a:lnTo>
                    <a:pt x="55472" y="113699"/>
                  </a:lnTo>
                  <a:cubicBezTo>
                    <a:pt x="55472" y="123792"/>
                    <a:pt x="58067" y="126977"/>
                    <a:pt x="64393" y="126977"/>
                  </a:cubicBezTo>
                  <a:lnTo>
                    <a:pt x="78396" y="126977"/>
                  </a:lnTo>
                  <a:cubicBezTo>
                    <a:pt x="80234" y="126977"/>
                    <a:pt x="80883" y="127624"/>
                    <a:pt x="80883" y="129190"/>
                  </a:cubicBezTo>
                  <a:lnTo>
                    <a:pt x="80883" y="136530"/>
                  </a:lnTo>
                  <a:cubicBezTo>
                    <a:pt x="80883" y="138095"/>
                    <a:pt x="80234" y="138743"/>
                    <a:pt x="78666" y="138743"/>
                  </a:cubicBezTo>
                  <a:cubicBezTo>
                    <a:pt x="77098" y="138743"/>
                    <a:pt x="62446" y="137771"/>
                    <a:pt x="39306" y="137771"/>
                  </a:cubicBezTo>
                  <a:cubicBezTo>
                    <a:pt x="17139" y="137771"/>
                    <a:pt x="4758" y="138743"/>
                    <a:pt x="2217" y="138743"/>
                  </a:cubicBezTo>
                  <a:cubicBezTo>
                    <a:pt x="595" y="138743"/>
                    <a:pt x="0" y="138095"/>
                    <a:pt x="0" y="136530"/>
                  </a:cubicBezTo>
                  <a:lnTo>
                    <a:pt x="0" y="129891"/>
                  </a:lnTo>
                  <a:cubicBezTo>
                    <a:pt x="0" y="127948"/>
                    <a:pt x="595" y="127301"/>
                    <a:pt x="2811" y="127301"/>
                  </a:cubicBezTo>
                  <a:lnTo>
                    <a:pt x="13949" y="127301"/>
                  </a:lnTo>
                  <a:cubicBezTo>
                    <a:pt x="18009" y="127801"/>
                    <a:pt x="21707" y="124921"/>
                    <a:pt x="22208" y="120868"/>
                  </a:cubicBezTo>
                  <a:cubicBezTo>
                    <a:pt x="22294" y="120171"/>
                    <a:pt x="22280" y="119466"/>
                    <a:pt x="22167" y="118773"/>
                  </a:cubicBezTo>
                  <a:lnTo>
                    <a:pt x="22167" y="56434"/>
                  </a:lnTo>
                  <a:close/>
                </a:path>
              </a:pathLst>
            </a:custGeom>
            <a:solidFill>
              <a:srgbClr val="FFFFFF"/>
            </a:solidFill>
            <a:ln w="5397"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6F505896-41C6-4605-86A9-F22C8D659801}"/>
                </a:ext>
              </a:extLst>
            </p:cNvPr>
            <p:cNvSpPr/>
            <p:nvPr/>
          </p:nvSpPr>
          <p:spPr>
            <a:xfrm>
              <a:off x="1328564" y="575866"/>
              <a:ext cx="95261" cy="139000"/>
            </a:xfrm>
            <a:custGeom>
              <a:avLst/>
              <a:gdLst>
                <a:gd name="connsiteX0" fmla="*/ 123 w 95261"/>
                <a:gd name="connsiteY0" fmla="*/ 96062 h 139000"/>
                <a:gd name="connsiteX1" fmla="*/ 1042 w 95261"/>
                <a:gd name="connsiteY1" fmla="*/ 93472 h 139000"/>
                <a:gd name="connsiteX2" fmla="*/ 7043 w 95261"/>
                <a:gd name="connsiteY2" fmla="*/ 91636 h 139000"/>
                <a:gd name="connsiteX3" fmla="*/ 9908 w 95261"/>
                <a:gd name="connsiteY3" fmla="*/ 92554 h 139000"/>
                <a:gd name="connsiteX4" fmla="*/ 20397 w 95261"/>
                <a:gd name="connsiteY4" fmla="*/ 110311 h 139000"/>
                <a:gd name="connsiteX5" fmla="*/ 47701 w 95261"/>
                <a:gd name="connsiteY5" fmla="*/ 127367 h 139000"/>
                <a:gd name="connsiteX6" fmla="*/ 70192 w 95261"/>
                <a:gd name="connsiteY6" fmla="*/ 108044 h 139000"/>
                <a:gd name="connsiteX7" fmla="*/ 39753 w 95261"/>
                <a:gd name="connsiteY7" fmla="*/ 83379 h 139000"/>
                <a:gd name="connsiteX8" fmla="*/ 1042 w 95261"/>
                <a:gd name="connsiteY8" fmla="*/ 43762 h 139000"/>
                <a:gd name="connsiteX9" fmla="*/ 17261 w 95261"/>
                <a:gd name="connsiteY9" fmla="*/ 10514 h 139000"/>
                <a:gd name="connsiteX10" fmla="*/ 50296 w 95261"/>
                <a:gd name="connsiteY10" fmla="*/ 44 h 139000"/>
                <a:gd name="connsiteX11" fmla="*/ 81222 w 95261"/>
                <a:gd name="connsiteY11" fmla="*/ 7006 h 139000"/>
                <a:gd name="connsiteX12" fmla="*/ 87223 w 95261"/>
                <a:gd name="connsiteY12" fmla="*/ 12404 h 139000"/>
                <a:gd name="connsiteX13" fmla="*/ 91386 w 95261"/>
                <a:gd name="connsiteY13" fmla="*/ 33993 h 139000"/>
                <a:gd name="connsiteX14" fmla="*/ 91062 w 95261"/>
                <a:gd name="connsiteY14" fmla="*/ 37501 h 139000"/>
                <a:gd name="connsiteX15" fmla="*/ 85006 w 95261"/>
                <a:gd name="connsiteY15" fmla="*/ 40308 h 139000"/>
                <a:gd name="connsiteX16" fmla="*/ 82542 w 95261"/>
                <a:gd name="connsiteY16" fmla="*/ 39084 h 139000"/>
                <a:gd name="connsiteX17" fmla="*/ 82519 w 95261"/>
                <a:gd name="connsiteY17" fmla="*/ 39012 h 139000"/>
                <a:gd name="connsiteX18" fmla="*/ 67219 w 95261"/>
                <a:gd name="connsiteY18" fmla="*/ 21957 h 139000"/>
                <a:gd name="connsiteX19" fmla="*/ 47268 w 95261"/>
                <a:gd name="connsiteY19" fmla="*/ 12188 h 139000"/>
                <a:gd name="connsiteX20" fmla="*/ 25371 w 95261"/>
                <a:gd name="connsiteY20" fmla="*/ 30215 h 139000"/>
                <a:gd name="connsiteX21" fmla="*/ 53918 w 95261"/>
                <a:gd name="connsiteY21" fmla="*/ 51804 h 139000"/>
                <a:gd name="connsiteX22" fmla="*/ 85655 w 95261"/>
                <a:gd name="connsiteY22" fmla="*/ 67996 h 139000"/>
                <a:gd name="connsiteX23" fmla="*/ 95171 w 95261"/>
                <a:gd name="connsiteY23" fmla="*/ 93418 h 139000"/>
                <a:gd name="connsiteX24" fmla="*/ 42240 w 95261"/>
                <a:gd name="connsiteY24" fmla="*/ 138971 h 139000"/>
                <a:gd name="connsiteX25" fmla="*/ 7908 w 95261"/>
                <a:gd name="connsiteY25" fmla="*/ 130767 h 139000"/>
                <a:gd name="connsiteX26" fmla="*/ 5529 w 95261"/>
                <a:gd name="connsiteY26" fmla="*/ 128014 h 139000"/>
                <a:gd name="connsiteX27" fmla="*/ 123 w 95261"/>
                <a:gd name="connsiteY27" fmla="*/ 96062 h 139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5261" h="139000">
                  <a:moveTo>
                    <a:pt x="123" y="96062"/>
                  </a:moveTo>
                  <a:cubicBezTo>
                    <a:pt x="-202" y="94767"/>
                    <a:pt x="123" y="93795"/>
                    <a:pt x="1042" y="93472"/>
                  </a:cubicBezTo>
                  <a:lnTo>
                    <a:pt x="7043" y="91636"/>
                  </a:lnTo>
                  <a:cubicBezTo>
                    <a:pt x="8341" y="91313"/>
                    <a:pt x="9260" y="91313"/>
                    <a:pt x="9908" y="92554"/>
                  </a:cubicBezTo>
                  <a:lnTo>
                    <a:pt x="20397" y="110311"/>
                  </a:lnTo>
                  <a:cubicBezTo>
                    <a:pt x="26128" y="119864"/>
                    <a:pt x="32130" y="127367"/>
                    <a:pt x="47701" y="127367"/>
                  </a:cubicBezTo>
                  <a:cubicBezTo>
                    <a:pt x="60082" y="127367"/>
                    <a:pt x="70192" y="119864"/>
                    <a:pt x="70192" y="108044"/>
                  </a:cubicBezTo>
                  <a:cubicBezTo>
                    <a:pt x="70192" y="95361"/>
                    <a:pt x="61974" y="89639"/>
                    <a:pt x="39753" y="83379"/>
                  </a:cubicBezTo>
                  <a:cubicBezTo>
                    <a:pt x="17532" y="77118"/>
                    <a:pt x="1042" y="66269"/>
                    <a:pt x="1042" y="43762"/>
                  </a:cubicBezTo>
                  <a:cubicBezTo>
                    <a:pt x="431" y="30647"/>
                    <a:pt x="6541" y="18121"/>
                    <a:pt x="17261" y="10514"/>
                  </a:cubicBezTo>
                  <a:cubicBezTo>
                    <a:pt x="26766" y="3388"/>
                    <a:pt x="38414" y="-304"/>
                    <a:pt x="50296" y="44"/>
                  </a:cubicBezTo>
                  <a:cubicBezTo>
                    <a:pt x="61036" y="-360"/>
                    <a:pt x="71695" y="2040"/>
                    <a:pt x="81222" y="7006"/>
                  </a:cubicBezTo>
                  <a:cubicBezTo>
                    <a:pt x="85980" y="9543"/>
                    <a:pt x="86899" y="10838"/>
                    <a:pt x="87223" y="12404"/>
                  </a:cubicBezTo>
                  <a:lnTo>
                    <a:pt x="91386" y="33993"/>
                  </a:lnTo>
                  <a:cubicBezTo>
                    <a:pt x="91744" y="35159"/>
                    <a:pt x="91628" y="36420"/>
                    <a:pt x="91062" y="37501"/>
                  </a:cubicBezTo>
                  <a:lnTo>
                    <a:pt x="85006" y="40308"/>
                  </a:lnTo>
                  <a:cubicBezTo>
                    <a:pt x="83987" y="40649"/>
                    <a:pt x="82884" y="40101"/>
                    <a:pt x="82542" y="39084"/>
                  </a:cubicBezTo>
                  <a:cubicBezTo>
                    <a:pt x="82534" y="39060"/>
                    <a:pt x="82526" y="39036"/>
                    <a:pt x="82519" y="39012"/>
                  </a:cubicBezTo>
                  <a:lnTo>
                    <a:pt x="67219" y="21957"/>
                  </a:lnTo>
                  <a:cubicBezTo>
                    <a:pt x="62397" y="15848"/>
                    <a:pt x="55058" y="12255"/>
                    <a:pt x="47268" y="12188"/>
                  </a:cubicBezTo>
                  <a:cubicBezTo>
                    <a:pt x="35536" y="12188"/>
                    <a:pt x="25371" y="19096"/>
                    <a:pt x="25371" y="30215"/>
                  </a:cubicBezTo>
                  <a:cubicBezTo>
                    <a:pt x="25371" y="43168"/>
                    <a:pt x="34887" y="47054"/>
                    <a:pt x="53918" y="51804"/>
                  </a:cubicBezTo>
                  <a:cubicBezTo>
                    <a:pt x="68570" y="55582"/>
                    <a:pt x="77437" y="59414"/>
                    <a:pt x="85655" y="67996"/>
                  </a:cubicBezTo>
                  <a:cubicBezTo>
                    <a:pt x="92402" y="74670"/>
                    <a:pt x="95880" y="83962"/>
                    <a:pt x="95171" y="93418"/>
                  </a:cubicBezTo>
                  <a:cubicBezTo>
                    <a:pt x="95171" y="119972"/>
                    <a:pt x="73544" y="138971"/>
                    <a:pt x="42240" y="138971"/>
                  </a:cubicBezTo>
                  <a:cubicBezTo>
                    <a:pt x="30269" y="139326"/>
                    <a:pt x="18420" y="136495"/>
                    <a:pt x="7908" y="130767"/>
                  </a:cubicBezTo>
                  <a:cubicBezTo>
                    <a:pt x="6941" y="130015"/>
                    <a:pt x="6133" y="129080"/>
                    <a:pt x="5529" y="128014"/>
                  </a:cubicBezTo>
                  <a:lnTo>
                    <a:pt x="123" y="96062"/>
                  </a:lnTo>
                  <a:close/>
                </a:path>
              </a:pathLst>
            </a:custGeom>
            <a:solidFill>
              <a:srgbClr val="FFFFFF"/>
            </a:solidFill>
            <a:ln w="5397"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98759A6A-868E-40EA-82D8-C6F8B5B9035F}"/>
                </a:ext>
              </a:extLst>
            </p:cNvPr>
            <p:cNvSpPr/>
            <p:nvPr/>
          </p:nvSpPr>
          <p:spPr>
            <a:xfrm>
              <a:off x="821168" y="482806"/>
              <a:ext cx="243892" cy="229980"/>
            </a:xfrm>
            <a:custGeom>
              <a:avLst/>
              <a:gdLst>
                <a:gd name="connsiteX0" fmla="*/ 240757 w 243892"/>
                <a:gd name="connsiteY0" fmla="*/ 218214 h 229980"/>
                <a:gd name="connsiteX1" fmla="*/ 228051 w 243892"/>
                <a:gd name="connsiteY1" fmla="*/ 218214 h 229980"/>
                <a:gd name="connsiteX2" fmla="*/ 222969 w 243892"/>
                <a:gd name="connsiteY2" fmla="*/ 210010 h 229980"/>
                <a:gd name="connsiteX3" fmla="*/ 222320 w 243892"/>
                <a:gd name="connsiteY3" fmla="*/ 182700 h 229980"/>
                <a:gd name="connsiteX4" fmla="*/ 222320 w 243892"/>
                <a:gd name="connsiteY4" fmla="*/ 148535 h 229980"/>
                <a:gd name="connsiteX5" fmla="*/ 222969 w 243892"/>
                <a:gd name="connsiteY5" fmla="*/ 96936 h 229980"/>
                <a:gd name="connsiteX6" fmla="*/ 220428 w 243892"/>
                <a:gd name="connsiteY6" fmla="*/ 93104 h 229980"/>
                <a:gd name="connsiteX7" fmla="*/ 212804 w 243892"/>
                <a:gd name="connsiteY7" fmla="*/ 95047 h 229980"/>
                <a:gd name="connsiteX8" fmla="*/ 171552 w 243892"/>
                <a:gd name="connsiteY8" fmla="*/ 110214 h 229980"/>
                <a:gd name="connsiteX9" fmla="*/ 169335 w 243892"/>
                <a:gd name="connsiteY9" fmla="*/ 112750 h 229980"/>
                <a:gd name="connsiteX10" fmla="*/ 169335 w 243892"/>
                <a:gd name="connsiteY10" fmla="*/ 116259 h 229980"/>
                <a:gd name="connsiteX11" fmla="*/ 172471 w 243892"/>
                <a:gd name="connsiteY11" fmla="*/ 119065 h 229980"/>
                <a:gd name="connsiteX12" fmla="*/ 189015 w 243892"/>
                <a:gd name="connsiteY12" fmla="*/ 138712 h 229980"/>
                <a:gd name="connsiteX13" fmla="*/ 189015 w 243892"/>
                <a:gd name="connsiteY13" fmla="*/ 183294 h 229980"/>
                <a:gd name="connsiteX14" fmla="*/ 188367 w 243892"/>
                <a:gd name="connsiteY14" fmla="*/ 211791 h 229980"/>
                <a:gd name="connsiteX15" fmla="*/ 183284 w 243892"/>
                <a:gd name="connsiteY15" fmla="*/ 218106 h 229980"/>
                <a:gd name="connsiteX16" fmla="*/ 167605 w 243892"/>
                <a:gd name="connsiteY16" fmla="*/ 218592 h 229980"/>
                <a:gd name="connsiteX17" fmla="*/ 150466 w 243892"/>
                <a:gd name="connsiteY17" fmla="*/ 218106 h 229980"/>
                <a:gd name="connsiteX18" fmla="*/ 142248 w 243892"/>
                <a:gd name="connsiteY18" fmla="*/ 207959 h 229980"/>
                <a:gd name="connsiteX19" fmla="*/ 141599 w 243892"/>
                <a:gd name="connsiteY19" fmla="*/ 151611 h 229980"/>
                <a:gd name="connsiteX20" fmla="*/ 141599 w 243892"/>
                <a:gd name="connsiteY20" fmla="*/ 106058 h 229980"/>
                <a:gd name="connsiteX21" fmla="*/ 142897 w 243892"/>
                <a:gd name="connsiteY21" fmla="*/ 5721 h 229980"/>
                <a:gd name="connsiteX22" fmla="*/ 139707 w 243892"/>
                <a:gd name="connsiteY22" fmla="*/ 0 h 229980"/>
                <a:gd name="connsiteX23" fmla="*/ 132732 w 243892"/>
                <a:gd name="connsiteY23" fmla="*/ 1889 h 229980"/>
                <a:gd name="connsiteX24" fmla="*/ 85154 w 243892"/>
                <a:gd name="connsiteY24" fmla="*/ 20294 h 229980"/>
                <a:gd name="connsiteX25" fmla="*/ 82613 w 243892"/>
                <a:gd name="connsiteY25" fmla="*/ 22777 h 229980"/>
                <a:gd name="connsiteX26" fmla="*/ 82613 w 243892"/>
                <a:gd name="connsiteY26" fmla="*/ 26771 h 229980"/>
                <a:gd name="connsiteX27" fmla="*/ 84505 w 243892"/>
                <a:gd name="connsiteY27" fmla="*/ 29415 h 229980"/>
                <a:gd name="connsiteX28" fmla="*/ 90831 w 243892"/>
                <a:gd name="connsiteY28" fmla="*/ 31251 h 229980"/>
                <a:gd name="connsiteX29" fmla="*/ 107051 w 243892"/>
                <a:gd name="connsiteY29" fmla="*/ 50249 h 229980"/>
                <a:gd name="connsiteX30" fmla="*/ 108349 w 243892"/>
                <a:gd name="connsiteY30" fmla="*/ 107893 h 229980"/>
                <a:gd name="connsiteX31" fmla="*/ 108349 w 243892"/>
                <a:gd name="connsiteY31" fmla="*/ 206880 h 229980"/>
                <a:gd name="connsiteX32" fmla="*/ 100401 w 243892"/>
                <a:gd name="connsiteY32" fmla="*/ 218214 h 229980"/>
                <a:gd name="connsiteX33" fmla="*/ 84181 w 243892"/>
                <a:gd name="connsiteY33" fmla="*/ 218700 h 229980"/>
                <a:gd name="connsiteX34" fmla="*/ 67961 w 243892"/>
                <a:gd name="connsiteY34" fmla="*/ 218214 h 229980"/>
                <a:gd name="connsiteX35" fmla="*/ 59689 w 243892"/>
                <a:gd name="connsiteY35" fmla="*/ 208067 h 229980"/>
                <a:gd name="connsiteX36" fmla="*/ 59040 w 243892"/>
                <a:gd name="connsiteY36" fmla="*/ 151719 h 229980"/>
                <a:gd name="connsiteX37" fmla="*/ 59040 w 243892"/>
                <a:gd name="connsiteY37" fmla="*/ 106058 h 229980"/>
                <a:gd name="connsiteX38" fmla="*/ 60284 w 243892"/>
                <a:gd name="connsiteY38" fmla="*/ 5721 h 229980"/>
                <a:gd name="connsiteX39" fmla="*/ 57148 w 243892"/>
                <a:gd name="connsiteY39" fmla="*/ 0 h 229980"/>
                <a:gd name="connsiteX40" fmla="*/ 50173 w 243892"/>
                <a:gd name="connsiteY40" fmla="*/ 1889 h 229980"/>
                <a:gd name="connsiteX41" fmla="*/ 2595 w 243892"/>
                <a:gd name="connsiteY41" fmla="*/ 20294 h 229980"/>
                <a:gd name="connsiteX42" fmla="*/ 0 w 243892"/>
                <a:gd name="connsiteY42" fmla="*/ 22777 h 229980"/>
                <a:gd name="connsiteX43" fmla="*/ 0 w 243892"/>
                <a:gd name="connsiteY43" fmla="*/ 26771 h 229980"/>
                <a:gd name="connsiteX44" fmla="*/ 1946 w 243892"/>
                <a:gd name="connsiteY44" fmla="*/ 29415 h 229980"/>
                <a:gd name="connsiteX45" fmla="*/ 8272 w 243892"/>
                <a:gd name="connsiteY45" fmla="*/ 31251 h 229980"/>
                <a:gd name="connsiteX46" fmla="*/ 24492 w 243892"/>
                <a:gd name="connsiteY46" fmla="*/ 50249 h 229980"/>
                <a:gd name="connsiteX47" fmla="*/ 25790 w 243892"/>
                <a:gd name="connsiteY47" fmla="*/ 107893 h 229980"/>
                <a:gd name="connsiteX48" fmla="*/ 25790 w 243892"/>
                <a:gd name="connsiteY48" fmla="*/ 206880 h 229980"/>
                <a:gd name="connsiteX49" fmla="*/ 17842 w 243892"/>
                <a:gd name="connsiteY49" fmla="*/ 218214 h 229980"/>
                <a:gd name="connsiteX50" fmla="*/ 5569 w 243892"/>
                <a:gd name="connsiteY50" fmla="*/ 218214 h 229980"/>
                <a:gd name="connsiteX51" fmla="*/ 1135 w 243892"/>
                <a:gd name="connsiteY51" fmla="*/ 220805 h 229980"/>
                <a:gd name="connsiteX52" fmla="*/ 1135 w 243892"/>
                <a:gd name="connsiteY52" fmla="*/ 226796 h 229980"/>
                <a:gd name="connsiteX53" fmla="*/ 3677 w 243892"/>
                <a:gd name="connsiteY53" fmla="*/ 229981 h 229980"/>
                <a:gd name="connsiteX54" fmla="*/ 125596 w 243892"/>
                <a:gd name="connsiteY54" fmla="*/ 229387 h 229980"/>
                <a:gd name="connsiteX55" fmla="*/ 241351 w 243892"/>
                <a:gd name="connsiteY55" fmla="*/ 229981 h 229980"/>
                <a:gd name="connsiteX56" fmla="*/ 243893 w 243892"/>
                <a:gd name="connsiteY56" fmla="*/ 226796 h 229980"/>
                <a:gd name="connsiteX57" fmla="*/ 243893 w 243892"/>
                <a:gd name="connsiteY57" fmla="*/ 220427 h 229980"/>
                <a:gd name="connsiteX58" fmla="*/ 240757 w 243892"/>
                <a:gd name="connsiteY58" fmla="*/ 218214 h 229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43892" h="229980">
                  <a:moveTo>
                    <a:pt x="240757" y="218214"/>
                  </a:moveTo>
                  <a:lnTo>
                    <a:pt x="228051" y="218214"/>
                  </a:lnTo>
                  <a:cubicBezTo>
                    <a:pt x="224861" y="218214"/>
                    <a:pt x="223564" y="215732"/>
                    <a:pt x="222969" y="210010"/>
                  </a:cubicBezTo>
                  <a:cubicBezTo>
                    <a:pt x="222320" y="206178"/>
                    <a:pt x="222320" y="194736"/>
                    <a:pt x="222320" y="182700"/>
                  </a:cubicBezTo>
                  <a:lnTo>
                    <a:pt x="222320" y="148535"/>
                  </a:lnTo>
                  <a:cubicBezTo>
                    <a:pt x="222320" y="122250"/>
                    <a:pt x="222320" y="102010"/>
                    <a:pt x="222969" y="96936"/>
                  </a:cubicBezTo>
                  <a:cubicBezTo>
                    <a:pt x="223293" y="94345"/>
                    <a:pt x="222320" y="93104"/>
                    <a:pt x="220428" y="93104"/>
                  </a:cubicBezTo>
                  <a:cubicBezTo>
                    <a:pt x="217789" y="93281"/>
                    <a:pt x="215205" y="93940"/>
                    <a:pt x="212804" y="95047"/>
                  </a:cubicBezTo>
                  <a:cubicBezTo>
                    <a:pt x="207398" y="97206"/>
                    <a:pt x="175985" y="108325"/>
                    <a:pt x="171552" y="110214"/>
                  </a:cubicBezTo>
                  <a:cubicBezTo>
                    <a:pt x="169930" y="110861"/>
                    <a:pt x="169335" y="111509"/>
                    <a:pt x="169335" y="112750"/>
                  </a:cubicBezTo>
                  <a:lnTo>
                    <a:pt x="169335" y="116259"/>
                  </a:lnTo>
                  <a:cubicBezTo>
                    <a:pt x="169335" y="117500"/>
                    <a:pt x="169335" y="118472"/>
                    <a:pt x="172471" y="119065"/>
                  </a:cubicBezTo>
                  <a:cubicBezTo>
                    <a:pt x="187123" y="122897"/>
                    <a:pt x="189015" y="129212"/>
                    <a:pt x="189015" y="138712"/>
                  </a:cubicBezTo>
                  <a:lnTo>
                    <a:pt x="189015" y="183294"/>
                  </a:lnTo>
                  <a:cubicBezTo>
                    <a:pt x="189015" y="192145"/>
                    <a:pt x="188691" y="202292"/>
                    <a:pt x="188367" y="211791"/>
                  </a:cubicBezTo>
                  <a:cubicBezTo>
                    <a:pt x="188042" y="217189"/>
                    <a:pt x="186474" y="218106"/>
                    <a:pt x="183284" y="218106"/>
                  </a:cubicBezTo>
                  <a:cubicBezTo>
                    <a:pt x="178075" y="218620"/>
                    <a:pt x="172837" y="218782"/>
                    <a:pt x="167605" y="218592"/>
                  </a:cubicBezTo>
                  <a:cubicBezTo>
                    <a:pt x="161888" y="218727"/>
                    <a:pt x="156167" y="218565"/>
                    <a:pt x="150466" y="218106"/>
                  </a:cubicBezTo>
                  <a:cubicBezTo>
                    <a:pt x="143492" y="218106"/>
                    <a:pt x="142897" y="213681"/>
                    <a:pt x="142248" y="207959"/>
                  </a:cubicBezTo>
                  <a:cubicBezTo>
                    <a:pt x="141599" y="198460"/>
                    <a:pt x="141599" y="166184"/>
                    <a:pt x="141599" y="151611"/>
                  </a:cubicBezTo>
                  <a:lnTo>
                    <a:pt x="141599" y="106058"/>
                  </a:lnTo>
                  <a:cubicBezTo>
                    <a:pt x="141599" y="88678"/>
                    <a:pt x="142248" y="22777"/>
                    <a:pt x="142897" y="5721"/>
                  </a:cubicBezTo>
                  <a:cubicBezTo>
                    <a:pt x="142897" y="1295"/>
                    <a:pt x="141599" y="0"/>
                    <a:pt x="139707" y="0"/>
                  </a:cubicBezTo>
                  <a:cubicBezTo>
                    <a:pt x="137308" y="315"/>
                    <a:pt x="134962" y="951"/>
                    <a:pt x="132732" y="1889"/>
                  </a:cubicBezTo>
                  <a:cubicBezTo>
                    <a:pt x="122568" y="8204"/>
                    <a:pt x="97806" y="16462"/>
                    <a:pt x="85154" y="20294"/>
                  </a:cubicBezTo>
                  <a:cubicBezTo>
                    <a:pt x="83208" y="20888"/>
                    <a:pt x="82613" y="22129"/>
                    <a:pt x="82613" y="22777"/>
                  </a:cubicBezTo>
                  <a:lnTo>
                    <a:pt x="82613" y="26771"/>
                  </a:lnTo>
                  <a:cubicBezTo>
                    <a:pt x="82613" y="28120"/>
                    <a:pt x="82613" y="28714"/>
                    <a:pt x="84505" y="29415"/>
                  </a:cubicBezTo>
                  <a:lnTo>
                    <a:pt x="90831" y="31251"/>
                  </a:lnTo>
                  <a:cubicBezTo>
                    <a:pt x="100996" y="34435"/>
                    <a:pt x="106402" y="39509"/>
                    <a:pt x="107051" y="50249"/>
                  </a:cubicBezTo>
                  <a:cubicBezTo>
                    <a:pt x="107700" y="58507"/>
                    <a:pt x="108349" y="85710"/>
                    <a:pt x="108349" y="107893"/>
                  </a:cubicBezTo>
                  <a:lnTo>
                    <a:pt x="108349" y="206880"/>
                  </a:lnTo>
                  <a:cubicBezTo>
                    <a:pt x="108349" y="215732"/>
                    <a:pt x="103537" y="218214"/>
                    <a:pt x="100401" y="218214"/>
                  </a:cubicBezTo>
                  <a:cubicBezTo>
                    <a:pt x="100401" y="218214"/>
                    <a:pt x="95643" y="218700"/>
                    <a:pt x="84181" y="218700"/>
                  </a:cubicBezTo>
                  <a:cubicBezTo>
                    <a:pt x="72719" y="218700"/>
                    <a:pt x="67961" y="218214"/>
                    <a:pt x="67961" y="218214"/>
                  </a:cubicBezTo>
                  <a:cubicBezTo>
                    <a:pt x="60933" y="218214"/>
                    <a:pt x="60284" y="213789"/>
                    <a:pt x="59689" y="208067"/>
                  </a:cubicBezTo>
                  <a:cubicBezTo>
                    <a:pt x="59040" y="198568"/>
                    <a:pt x="59040" y="166292"/>
                    <a:pt x="59040" y="151719"/>
                  </a:cubicBezTo>
                  <a:lnTo>
                    <a:pt x="59040" y="106058"/>
                  </a:lnTo>
                  <a:cubicBezTo>
                    <a:pt x="59040" y="88678"/>
                    <a:pt x="59689" y="22777"/>
                    <a:pt x="60284" y="5721"/>
                  </a:cubicBezTo>
                  <a:cubicBezTo>
                    <a:pt x="60284" y="1295"/>
                    <a:pt x="59040" y="0"/>
                    <a:pt x="57148" y="0"/>
                  </a:cubicBezTo>
                  <a:cubicBezTo>
                    <a:pt x="54751" y="325"/>
                    <a:pt x="52406" y="960"/>
                    <a:pt x="50173" y="1889"/>
                  </a:cubicBezTo>
                  <a:cubicBezTo>
                    <a:pt x="40009" y="8204"/>
                    <a:pt x="15301" y="16462"/>
                    <a:pt x="2595" y="20294"/>
                  </a:cubicBezTo>
                  <a:cubicBezTo>
                    <a:pt x="649" y="20888"/>
                    <a:pt x="0" y="22129"/>
                    <a:pt x="0" y="22777"/>
                  </a:cubicBezTo>
                  <a:lnTo>
                    <a:pt x="0" y="26771"/>
                  </a:lnTo>
                  <a:cubicBezTo>
                    <a:pt x="0" y="28120"/>
                    <a:pt x="0" y="28714"/>
                    <a:pt x="1946" y="29415"/>
                  </a:cubicBezTo>
                  <a:lnTo>
                    <a:pt x="8272" y="31251"/>
                  </a:lnTo>
                  <a:cubicBezTo>
                    <a:pt x="18437" y="34435"/>
                    <a:pt x="23789" y="39509"/>
                    <a:pt x="24492" y="50249"/>
                  </a:cubicBezTo>
                  <a:cubicBezTo>
                    <a:pt x="25195" y="58507"/>
                    <a:pt x="25790" y="85710"/>
                    <a:pt x="25790" y="107893"/>
                  </a:cubicBezTo>
                  <a:lnTo>
                    <a:pt x="25790" y="206880"/>
                  </a:lnTo>
                  <a:cubicBezTo>
                    <a:pt x="25790" y="215732"/>
                    <a:pt x="21032" y="218214"/>
                    <a:pt x="17842" y="218214"/>
                  </a:cubicBezTo>
                  <a:lnTo>
                    <a:pt x="5569" y="218214"/>
                  </a:lnTo>
                  <a:cubicBezTo>
                    <a:pt x="1784" y="218214"/>
                    <a:pt x="1135" y="218862"/>
                    <a:pt x="1135" y="220805"/>
                  </a:cubicBezTo>
                  <a:lnTo>
                    <a:pt x="1135" y="226796"/>
                  </a:lnTo>
                  <a:cubicBezTo>
                    <a:pt x="1135" y="228685"/>
                    <a:pt x="1784" y="229981"/>
                    <a:pt x="3677" y="229981"/>
                  </a:cubicBezTo>
                  <a:cubicBezTo>
                    <a:pt x="5569" y="229981"/>
                    <a:pt x="65799" y="229387"/>
                    <a:pt x="125596" y="229387"/>
                  </a:cubicBezTo>
                  <a:cubicBezTo>
                    <a:pt x="183338" y="229387"/>
                    <a:pt x="240108" y="229981"/>
                    <a:pt x="241351" y="229981"/>
                  </a:cubicBezTo>
                  <a:cubicBezTo>
                    <a:pt x="242595" y="229981"/>
                    <a:pt x="243893" y="228685"/>
                    <a:pt x="243893" y="226796"/>
                  </a:cubicBezTo>
                  <a:lnTo>
                    <a:pt x="243893" y="220427"/>
                  </a:lnTo>
                  <a:cubicBezTo>
                    <a:pt x="243893" y="218862"/>
                    <a:pt x="243298" y="218214"/>
                    <a:pt x="240757" y="218214"/>
                  </a:cubicBezTo>
                </a:path>
              </a:pathLst>
            </a:custGeom>
            <a:solidFill>
              <a:srgbClr val="FFFFFF"/>
            </a:solidFill>
            <a:ln w="5397"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B4BE4948-8F73-4988-B46A-4424E29F6BC4}"/>
                </a:ext>
              </a:extLst>
            </p:cNvPr>
            <p:cNvSpPr/>
            <p:nvPr/>
          </p:nvSpPr>
          <p:spPr>
            <a:xfrm>
              <a:off x="451018" y="482538"/>
              <a:ext cx="207885" cy="233810"/>
            </a:xfrm>
            <a:custGeom>
              <a:avLst/>
              <a:gdLst>
                <a:gd name="connsiteX0" fmla="*/ 207248 w 207885"/>
                <a:gd name="connsiteY0" fmla="*/ 183561 h 233810"/>
                <a:gd name="connsiteX1" fmla="*/ 201247 w 207885"/>
                <a:gd name="connsiteY1" fmla="*/ 178164 h 233810"/>
                <a:gd name="connsiteX2" fmla="*/ 199463 w 207885"/>
                <a:gd name="connsiteY2" fmla="*/ 178488 h 233810"/>
                <a:gd name="connsiteX3" fmla="*/ 126149 w 207885"/>
                <a:gd name="connsiteY3" fmla="*/ 211897 h 233810"/>
                <a:gd name="connsiteX4" fmla="*/ 71650 w 207885"/>
                <a:gd name="connsiteY4" fmla="*/ 187123 h 233810"/>
                <a:gd name="connsiteX5" fmla="*/ 42617 w 207885"/>
                <a:gd name="connsiteY5" fmla="*/ 104760 h 233810"/>
                <a:gd name="connsiteX6" fmla="*/ 114308 w 207885"/>
                <a:gd name="connsiteY6" fmla="*/ 13599 h 233810"/>
                <a:gd name="connsiteX7" fmla="*/ 169402 w 207885"/>
                <a:gd name="connsiteY7" fmla="*/ 37023 h 233810"/>
                <a:gd name="connsiteX8" fmla="*/ 194164 w 207885"/>
                <a:gd name="connsiteY8" fmla="*/ 78151 h 233810"/>
                <a:gd name="connsiteX9" fmla="*/ 197570 w 207885"/>
                <a:gd name="connsiteY9" fmla="*/ 81390 h 233810"/>
                <a:gd name="connsiteX10" fmla="*/ 203626 w 207885"/>
                <a:gd name="connsiteY10" fmla="*/ 79447 h 233810"/>
                <a:gd name="connsiteX11" fmla="*/ 204923 w 207885"/>
                <a:gd name="connsiteY11" fmla="*/ 76208 h 233810"/>
                <a:gd name="connsiteX12" fmla="*/ 197300 w 207885"/>
                <a:gd name="connsiteY12" fmla="*/ 10469 h 233810"/>
                <a:gd name="connsiteX13" fmla="*/ 192813 w 207885"/>
                <a:gd name="connsiteY13" fmla="*/ 5071 h 233810"/>
                <a:gd name="connsiteX14" fmla="*/ 187784 w 207885"/>
                <a:gd name="connsiteY14" fmla="*/ 7014 h 233810"/>
                <a:gd name="connsiteX15" fmla="*/ 185622 w 207885"/>
                <a:gd name="connsiteY15" fmla="*/ 15488 h 233810"/>
                <a:gd name="connsiteX16" fmla="*/ 179296 w 207885"/>
                <a:gd name="connsiteY16" fmla="*/ 15488 h 233810"/>
                <a:gd name="connsiteX17" fmla="*/ 114957 w 207885"/>
                <a:gd name="connsiteY17" fmla="*/ 52 h 233810"/>
                <a:gd name="connsiteX18" fmla="*/ 32452 w 207885"/>
                <a:gd name="connsiteY18" fmla="*/ 33623 h 233810"/>
                <a:gd name="connsiteX19" fmla="*/ 13 w 207885"/>
                <a:gd name="connsiteY19" fmla="*/ 118523 h 233810"/>
                <a:gd name="connsiteX20" fmla="*/ 34236 w 207885"/>
                <a:gd name="connsiteY20" fmla="*/ 204071 h 233810"/>
                <a:gd name="connsiteX21" fmla="*/ 117444 w 207885"/>
                <a:gd name="connsiteY21" fmla="*/ 233810 h 233810"/>
                <a:gd name="connsiteX22" fmla="*/ 207573 w 207885"/>
                <a:gd name="connsiteY22" fmla="*/ 186530 h 233810"/>
                <a:gd name="connsiteX23" fmla="*/ 207248 w 207885"/>
                <a:gd name="connsiteY23" fmla="*/ 183561 h 233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07885" h="233810">
                  <a:moveTo>
                    <a:pt x="207248" y="183561"/>
                  </a:moveTo>
                  <a:cubicBezTo>
                    <a:pt x="205194" y="181618"/>
                    <a:pt x="201517" y="178164"/>
                    <a:pt x="201247" y="178164"/>
                  </a:cubicBezTo>
                  <a:cubicBezTo>
                    <a:pt x="200976" y="178164"/>
                    <a:pt x="199787" y="178164"/>
                    <a:pt x="199463" y="178488"/>
                  </a:cubicBezTo>
                  <a:cubicBezTo>
                    <a:pt x="181340" y="200115"/>
                    <a:pt x="154389" y="212396"/>
                    <a:pt x="126149" y="211897"/>
                  </a:cubicBezTo>
                  <a:cubicBezTo>
                    <a:pt x="110956" y="211897"/>
                    <a:pt x="92520" y="209306"/>
                    <a:pt x="71650" y="187123"/>
                  </a:cubicBezTo>
                  <a:cubicBezTo>
                    <a:pt x="48348" y="161972"/>
                    <a:pt x="42617" y="124190"/>
                    <a:pt x="42617" y="104760"/>
                  </a:cubicBezTo>
                  <a:cubicBezTo>
                    <a:pt x="42617" y="59206"/>
                    <a:pt x="63594" y="13599"/>
                    <a:pt x="114308" y="13599"/>
                  </a:cubicBezTo>
                  <a:cubicBezTo>
                    <a:pt x="135118" y="13515"/>
                    <a:pt x="155044" y="21987"/>
                    <a:pt x="169402" y="37023"/>
                  </a:cubicBezTo>
                  <a:cubicBezTo>
                    <a:pt x="180502" y="48811"/>
                    <a:pt x="188945" y="62835"/>
                    <a:pt x="194164" y="78151"/>
                  </a:cubicBezTo>
                  <a:cubicBezTo>
                    <a:pt x="195083" y="80688"/>
                    <a:pt x="196056" y="81983"/>
                    <a:pt x="197570" y="81390"/>
                  </a:cubicBezTo>
                  <a:lnTo>
                    <a:pt x="203626" y="79447"/>
                  </a:lnTo>
                  <a:cubicBezTo>
                    <a:pt x="204923" y="79123"/>
                    <a:pt x="205248" y="78151"/>
                    <a:pt x="204923" y="76208"/>
                  </a:cubicBezTo>
                  <a:cubicBezTo>
                    <a:pt x="203626" y="66763"/>
                    <a:pt x="197300" y="16082"/>
                    <a:pt x="197300" y="10469"/>
                  </a:cubicBezTo>
                  <a:cubicBezTo>
                    <a:pt x="197300" y="5989"/>
                    <a:pt x="196651" y="5071"/>
                    <a:pt x="192813" y="5071"/>
                  </a:cubicBezTo>
                  <a:cubicBezTo>
                    <a:pt x="188974" y="5071"/>
                    <a:pt x="188379" y="5071"/>
                    <a:pt x="187784" y="7014"/>
                  </a:cubicBezTo>
                  <a:lnTo>
                    <a:pt x="185622" y="15488"/>
                  </a:lnTo>
                  <a:cubicBezTo>
                    <a:pt x="185027" y="17971"/>
                    <a:pt x="183729" y="17971"/>
                    <a:pt x="179296" y="15488"/>
                  </a:cubicBezTo>
                  <a:cubicBezTo>
                    <a:pt x="159418" y="5219"/>
                    <a:pt x="137339" y="-78"/>
                    <a:pt x="114957" y="52"/>
                  </a:cubicBezTo>
                  <a:cubicBezTo>
                    <a:pt x="83939" y="-899"/>
                    <a:pt x="53966" y="11297"/>
                    <a:pt x="32452" y="33623"/>
                  </a:cubicBezTo>
                  <a:cubicBezTo>
                    <a:pt x="11171" y="56747"/>
                    <a:pt x="-436" y="87125"/>
                    <a:pt x="13" y="118523"/>
                  </a:cubicBezTo>
                  <a:cubicBezTo>
                    <a:pt x="13" y="146373"/>
                    <a:pt x="10826" y="183291"/>
                    <a:pt x="34236" y="204071"/>
                  </a:cubicBezTo>
                  <a:cubicBezTo>
                    <a:pt x="53971" y="221774"/>
                    <a:pt x="76786" y="233810"/>
                    <a:pt x="117444" y="233810"/>
                  </a:cubicBezTo>
                  <a:cubicBezTo>
                    <a:pt x="159183" y="233810"/>
                    <a:pt x="188325" y="211465"/>
                    <a:pt x="207573" y="186530"/>
                  </a:cubicBezTo>
                  <a:cubicBezTo>
                    <a:pt x="208088" y="185568"/>
                    <a:pt x="207959" y="184389"/>
                    <a:pt x="207248" y="183561"/>
                  </a:cubicBezTo>
                </a:path>
              </a:pathLst>
            </a:custGeom>
            <a:solidFill>
              <a:srgbClr val="FFFFFF"/>
            </a:solidFill>
            <a:ln w="5397"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E840214D-331C-4E31-9D57-9680CC65EAF8}"/>
                </a:ext>
              </a:extLst>
            </p:cNvPr>
            <p:cNvSpPr/>
            <p:nvPr/>
          </p:nvSpPr>
          <p:spPr>
            <a:xfrm>
              <a:off x="1003695" y="515837"/>
              <a:ext cx="38711" cy="38645"/>
            </a:xfrm>
            <a:custGeom>
              <a:avLst/>
              <a:gdLst>
                <a:gd name="connsiteX0" fmla="*/ 38711 w 38711"/>
                <a:gd name="connsiteY0" fmla="*/ 19377 h 38645"/>
                <a:gd name="connsiteX1" fmla="*/ 19302 w 38711"/>
                <a:gd name="connsiteY1" fmla="*/ 38645 h 38645"/>
                <a:gd name="connsiteX2" fmla="*/ 0 w 38711"/>
                <a:gd name="connsiteY2" fmla="*/ 19269 h 38645"/>
                <a:gd name="connsiteX3" fmla="*/ 19356 w 38711"/>
                <a:gd name="connsiteY3" fmla="*/ 0 h 38645"/>
                <a:gd name="connsiteX4" fmla="*/ 38712 w 38711"/>
                <a:gd name="connsiteY4" fmla="*/ 19214 h 38645"/>
                <a:gd name="connsiteX5" fmla="*/ 38711 w 38711"/>
                <a:gd name="connsiteY5" fmla="*/ 19376 h 38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711" h="38645">
                  <a:moveTo>
                    <a:pt x="38711" y="19377"/>
                  </a:moveTo>
                  <a:cubicBezTo>
                    <a:pt x="38681" y="30048"/>
                    <a:pt x="29991" y="38675"/>
                    <a:pt x="19302" y="38645"/>
                  </a:cubicBezTo>
                  <a:cubicBezTo>
                    <a:pt x="8612" y="38615"/>
                    <a:pt x="-30" y="29940"/>
                    <a:pt x="0" y="19269"/>
                  </a:cubicBezTo>
                  <a:cubicBezTo>
                    <a:pt x="30" y="8618"/>
                    <a:pt x="8687" y="0"/>
                    <a:pt x="19356" y="0"/>
                  </a:cubicBezTo>
                  <a:cubicBezTo>
                    <a:pt x="30016" y="-30"/>
                    <a:pt x="38682" y="8573"/>
                    <a:pt x="38712" y="19214"/>
                  </a:cubicBezTo>
                  <a:cubicBezTo>
                    <a:pt x="38712" y="19268"/>
                    <a:pt x="38712" y="19322"/>
                    <a:pt x="38711" y="19376"/>
                  </a:cubicBezTo>
                </a:path>
              </a:pathLst>
            </a:custGeom>
            <a:solidFill>
              <a:srgbClr val="FFFFFF"/>
            </a:solidFill>
            <a:ln w="5397" cap="flat">
              <a:noFill/>
              <a:prstDash val="solid"/>
              <a:miter/>
            </a:ln>
          </p:spPr>
          <p:txBody>
            <a:bodyPr rtlCol="0" anchor="ctr"/>
            <a:lstStyle/>
            <a:p>
              <a:endParaRPr lang="en-US"/>
            </a:p>
          </p:txBody>
        </p:sp>
      </p:grpSp>
      <p:sp>
        <p:nvSpPr>
          <p:cNvPr id="44" name="Picture Placeholder 43">
            <a:extLst>
              <a:ext uri="{FF2B5EF4-FFF2-40B4-BE49-F238E27FC236}">
                <a16:creationId xmlns:a16="http://schemas.microsoft.com/office/drawing/2014/main" id="{944CB7BD-E11F-4B54-A137-4160A508C6E4}"/>
              </a:ext>
            </a:extLst>
          </p:cNvPr>
          <p:cNvSpPr>
            <a:spLocks noGrp="1"/>
          </p:cNvSpPr>
          <p:nvPr>
            <p:ph type="pic" sz="quarter" idx="13" hasCustomPrompt="1"/>
          </p:nvPr>
        </p:nvSpPr>
        <p:spPr>
          <a:xfrm>
            <a:off x="5" y="2"/>
            <a:ext cx="12193196" cy="6861598"/>
          </a:xfrm>
          <a:custGeom>
            <a:avLst/>
            <a:gdLst>
              <a:gd name="connsiteX0" fmla="*/ 11860221 w 12193196"/>
              <a:gd name="connsiteY0" fmla="*/ 5768017 h 6861598"/>
              <a:gd name="connsiteX1" fmla="*/ 11860221 w 12193196"/>
              <a:gd name="connsiteY1" fmla="*/ 6526741 h 6861598"/>
              <a:gd name="connsiteX2" fmla="*/ 11583390 w 12193196"/>
              <a:gd name="connsiteY2" fmla="*/ 6526741 h 6861598"/>
              <a:gd name="connsiteX3" fmla="*/ 11583390 w 12193196"/>
              <a:gd name="connsiteY3" fmla="*/ 6541141 h 6861598"/>
              <a:gd name="connsiteX4" fmla="*/ 11860221 w 12193196"/>
              <a:gd name="connsiteY4" fmla="*/ 6541141 h 6861598"/>
              <a:gd name="connsiteX5" fmla="*/ 11860221 w 12193196"/>
              <a:gd name="connsiteY5" fmla="*/ 6542017 h 6861598"/>
              <a:gd name="connsiteX6" fmla="*/ 11874621 w 12193196"/>
              <a:gd name="connsiteY6" fmla="*/ 6542017 h 6861598"/>
              <a:gd name="connsiteX7" fmla="*/ 11874621 w 12193196"/>
              <a:gd name="connsiteY7" fmla="*/ 5768017 h 6861598"/>
              <a:gd name="connsiteX8" fmla="*/ 6206395 w 12193196"/>
              <a:gd name="connsiteY8" fmla="*/ 2246399 h 6861598"/>
              <a:gd name="connsiteX9" fmla="*/ 6206395 w 12193196"/>
              <a:gd name="connsiteY9" fmla="*/ 5342398 h 6861598"/>
              <a:gd name="connsiteX10" fmla="*/ 6411595 w 12193196"/>
              <a:gd name="connsiteY10" fmla="*/ 5342398 h 6861598"/>
              <a:gd name="connsiteX11" fmla="*/ 6411595 w 12193196"/>
              <a:gd name="connsiteY11" fmla="*/ 5556635 h 6861598"/>
              <a:gd name="connsiteX12" fmla="*/ 12193195 w 12193196"/>
              <a:gd name="connsiteY12" fmla="*/ 5556635 h 6861598"/>
              <a:gd name="connsiteX13" fmla="*/ 12193195 w 12193196"/>
              <a:gd name="connsiteY13" fmla="*/ 5342398 h 6861598"/>
              <a:gd name="connsiteX14" fmla="*/ 12193195 w 12193196"/>
              <a:gd name="connsiteY14" fmla="*/ 4265998 h 6861598"/>
              <a:gd name="connsiteX15" fmla="*/ 12193195 w 12193196"/>
              <a:gd name="connsiteY15" fmla="*/ 2246399 h 6861598"/>
              <a:gd name="connsiteX16" fmla="*/ 2578369 w 12193196"/>
              <a:gd name="connsiteY16" fmla="*/ 914375 h 6861598"/>
              <a:gd name="connsiteX17" fmla="*/ 2605402 w 12193196"/>
              <a:gd name="connsiteY17" fmla="*/ 914375 h 6861598"/>
              <a:gd name="connsiteX18" fmla="*/ 2633300 w 12193196"/>
              <a:gd name="connsiteY18" fmla="*/ 919016 h 6861598"/>
              <a:gd name="connsiteX19" fmla="*/ 2640707 w 12193196"/>
              <a:gd name="connsiteY19" fmla="*/ 935640 h 6861598"/>
              <a:gd name="connsiteX20" fmla="*/ 2627136 w 12193196"/>
              <a:gd name="connsiteY20" fmla="*/ 958417 h 6861598"/>
              <a:gd name="connsiteX21" fmla="*/ 2585505 w 12193196"/>
              <a:gd name="connsiteY21" fmla="*/ 966783 h 6861598"/>
              <a:gd name="connsiteX22" fmla="*/ 2556526 w 12193196"/>
              <a:gd name="connsiteY22" fmla="*/ 960630 h 6861598"/>
              <a:gd name="connsiteX23" fmla="*/ 2546469 w 12193196"/>
              <a:gd name="connsiteY23" fmla="*/ 942495 h 6861598"/>
              <a:gd name="connsiteX24" fmla="*/ 2546577 w 12193196"/>
              <a:gd name="connsiteY24" fmla="*/ 942495 h 6861598"/>
              <a:gd name="connsiteX25" fmla="*/ 2554633 w 12193196"/>
              <a:gd name="connsiteY25" fmla="*/ 921661 h 6861598"/>
              <a:gd name="connsiteX26" fmla="*/ 2578369 w 12193196"/>
              <a:gd name="connsiteY26" fmla="*/ 914375 h 6861598"/>
              <a:gd name="connsiteX27" fmla="*/ 1761482 w 12193196"/>
              <a:gd name="connsiteY27" fmla="*/ 822621 h 6861598"/>
              <a:gd name="connsiteX28" fmla="*/ 1820685 w 12193196"/>
              <a:gd name="connsiteY28" fmla="*/ 879724 h 6861598"/>
              <a:gd name="connsiteX29" fmla="*/ 1766619 w 12193196"/>
              <a:gd name="connsiteY29" fmla="*/ 900396 h 6861598"/>
              <a:gd name="connsiteX30" fmla="*/ 1738666 w 12193196"/>
              <a:gd name="connsiteY30" fmla="*/ 891113 h 6861598"/>
              <a:gd name="connsiteX31" fmla="*/ 1728232 w 12193196"/>
              <a:gd name="connsiteY31" fmla="*/ 866177 h 6861598"/>
              <a:gd name="connsiteX32" fmla="*/ 1731205 w 12193196"/>
              <a:gd name="connsiteY32" fmla="*/ 850579 h 6861598"/>
              <a:gd name="connsiteX33" fmla="*/ 1740343 w 12193196"/>
              <a:gd name="connsiteY33" fmla="*/ 837733 h 6861598"/>
              <a:gd name="connsiteX34" fmla="*/ 1761482 w 12193196"/>
              <a:gd name="connsiteY34" fmla="*/ 822621 h 6861598"/>
              <a:gd name="connsiteX35" fmla="*/ 2243753 w 12193196"/>
              <a:gd name="connsiteY35" fmla="*/ 786403 h 6861598"/>
              <a:gd name="connsiteX36" fmla="*/ 2270840 w 12193196"/>
              <a:gd name="connsiteY36" fmla="*/ 797576 h 6861598"/>
              <a:gd name="connsiteX37" fmla="*/ 2280247 w 12193196"/>
              <a:gd name="connsiteY37" fmla="*/ 829960 h 6861598"/>
              <a:gd name="connsiteX38" fmla="*/ 2202933 w 12193196"/>
              <a:gd name="connsiteY38" fmla="*/ 829960 h 6861598"/>
              <a:gd name="connsiteX39" fmla="*/ 2215422 w 12193196"/>
              <a:gd name="connsiteY39" fmla="*/ 798008 h 6861598"/>
              <a:gd name="connsiteX40" fmla="*/ 2243753 w 12193196"/>
              <a:gd name="connsiteY40" fmla="*/ 786403 h 6861598"/>
              <a:gd name="connsiteX41" fmla="*/ 2591290 w 12193196"/>
              <a:gd name="connsiteY41" fmla="*/ 784029 h 6861598"/>
              <a:gd name="connsiteX42" fmla="*/ 2624379 w 12193196"/>
              <a:gd name="connsiteY42" fmla="*/ 817223 h 6861598"/>
              <a:gd name="connsiteX43" fmla="*/ 2591669 w 12193196"/>
              <a:gd name="connsiteY43" fmla="*/ 848905 h 6861598"/>
              <a:gd name="connsiteX44" fmla="*/ 2567339 w 12193196"/>
              <a:gd name="connsiteY44" fmla="*/ 841025 h 6861598"/>
              <a:gd name="connsiteX45" fmla="*/ 2558579 w 12193196"/>
              <a:gd name="connsiteY45" fmla="*/ 817600 h 6861598"/>
              <a:gd name="connsiteX46" fmla="*/ 2558687 w 12193196"/>
              <a:gd name="connsiteY46" fmla="*/ 817600 h 6861598"/>
              <a:gd name="connsiteX47" fmla="*/ 2567069 w 12193196"/>
              <a:gd name="connsiteY47" fmla="*/ 792503 h 6861598"/>
              <a:gd name="connsiteX48" fmla="*/ 2591290 w 12193196"/>
              <a:gd name="connsiteY48" fmla="*/ 784029 h 6861598"/>
              <a:gd name="connsiteX49" fmla="*/ 2473696 w 12193196"/>
              <a:gd name="connsiteY49" fmla="*/ 770428 h 6861598"/>
              <a:gd name="connsiteX50" fmla="*/ 2473696 w 12193196"/>
              <a:gd name="connsiteY50" fmla="*/ 917721 h 6861598"/>
              <a:gd name="connsiteX51" fmla="*/ 2496080 w 12193196"/>
              <a:gd name="connsiteY51" fmla="*/ 917721 h 6861598"/>
              <a:gd name="connsiteX52" fmla="*/ 2496080 w 12193196"/>
              <a:gd name="connsiteY52" fmla="*/ 770428 h 6861598"/>
              <a:gd name="connsiteX53" fmla="*/ 2387623 w 12193196"/>
              <a:gd name="connsiteY53" fmla="*/ 767892 h 6861598"/>
              <a:gd name="connsiteX54" fmla="*/ 2347344 w 12193196"/>
              <a:gd name="connsiteY54" fmla="*/ 778308 h 6861598"/>
              <a:gd name="connsiteX55" fmla="*/ 2332692 w 12193196"/>
              <a:gd name="connsiteY55" fmla="*/ 806752 h 6861598"/>
              <a:gd name="connsiteX56" fmla="*/ 2336909 w 12193196"/>
              <a:gd name="connsiteY56" fmla="*/ 824078 h 6861598"/>
              <a:gd name="connsiteX57" fmla="*/ 2349885 w 12193196"/>
              <a:gd name="connsiteY57" fmla="*/ 837085 h 6861598"/>
              <a:gd name="connsiteX58" fmla="*/ 2379135 w 12193196"/>
              <a:gd name="connsiteY58" fmla="*/ 850417 h 6861598"/>
              <a:gd name="connsiteX59" fmla="*/ 2408276 w 12193196"/>
              <a:gd name="connsiteY59" fmla="*/ 864882 h 6861598"/>
              <a:gd name="connsiteX60" fmla="*/ 2413160 w 12193196"/>
              <a:gd name="connsiteY60" fmla="*/ 870393 h 6861598"/>
              <a:gd name="connsiteX61" fmla="*/ 2406330 w 12193196"/>
              <a:gd name="connsiteY61" fmla="*/ 896618 h 6861598"/>
              <a:gd name="connsiteX62" fmla="*/ 2379297 w 12193196"/>
              <a:gd name="connsiteY62" fmla="*/ 902015 h 6861598"/>
              <a:gd name="connsiteX63" fmla="*/ 2355832 w 12193196"/>
              <a:gd name="connsiteY63" fmla="*/ 898939 h 6861598"/>
              <a:gd name="connsiteX64" fmla="*/ 2333016 w 12193196"/>
              <a:gd name="connsiteY64" fmla="*/ 890465 h 6861598"/>
              <a:gd name="connsiteX65" fmla="*/ 2333016 w 12193196"/>
              <a:gd name="connsiteY65" fmla="*/ 911137 h 6861598"/>
              <a:gd name="connsiteX66" fmla="*/ 2378756 w 12193196"/>
              <a:gd name="connsiteY66" fmla="*/ 920420 h 6861598"/>
              <a:gd name="connsiteX67" fmla="*/ 2422009 w 12193196"/>
              <a:gd name="connsiteY67" fmla="*/ 909302 h 6861598"/>
              <a:gd name="connsiteX68" fmla="*/ 2437364 w 12193196"/>
              <a:gd name="connsiteY68" fmla="*/ 877565 h 6861598"/>
              <a:gd name="connsiteX69" fmla="*/ 2428011 w 12193196"/>
              <a:gd name="connsiteY69" fmla="*/ 853169 h 6861598"/>
              <a:gd name="connsiteX70" fmla="*/ 2392543 w 12193196"/>
              <a:gd name="connsiteY70" fmla="*/ 833955 h 6861598"/>
              <a:gd name="connsiteX71" fmla="*/ 2366700 w 12193196"/>
              <a:gd name="connsiteY71" fmla="*/ 823160 h 6861598"/>
              <a:gd name="connsiteX72" fmla="*/ 2356968 w 12193196"/>
              <a:gd name="connsiteY72" fmla="*/ 815226 h 6861598"/>
              <a:gd name="connsiteX73" fmla="*/ 2353886 w 12193196"/>
              <a:gd name="connsiteY73" fmla="*/ 805187 h 6861598"/>
              <a:gd name="connsiteX74" fmla="*/ 2361996 w 12193196"/>
              <a:gd name="connsiteY74" fmla="*/ 791478 h 6861598"/>
              <a:gd name="connsiteX75" fmla="*/ 2385947 w 12193196"/>
              <a:gd name="connsiteY75" fmla="*/ 786458 h 6861598"/>
              <a:gd name="connsiteX76" fmla="*/ 2426226 w 12193196"/>
              <a:gd name="connsiteY76" fmla="*/ 795634 h 6861598"/>
              <a:gd name="connsiteX77" fmla="*/ 2434228 w 12193196"/>
              <a:gd name="connsiteY77" fmla="*/ 777607 h 6861598"/>
              <a:gd name="connsiteX78" fmla="*/ 2387623 w 12193196"/>
              <a:gd name="connsiteY78" fmla="*/ 767892 h 6861598"/>
              <a:gd name="connsiteX79" fmla="*/ 2244023 w 12193196"/>
              <a:gd name="connsiteY79" fmla="*/ 767730 h 6861598"/>
              <a:gd name="connsiteX80" fmla="*/ 2196823 w 12193196"/>
              <a:gd name="connsiteY80" fmla="*/ 788724 h 6861598"/>
              <a:gd name="connsiteX81" fmla="*/ 2179252 w 12193196"/>
              <a:gd name="connsiteY81" fmla="*/ 845288 h 6861598"/>
              <a:gd name="connsiteX82" fmla="*/ 2198175 w 12193196"/>
              <a:gd name="connsiteY82" fmla="*/ 900558 h 6861598"/>
              <a:gd name="connsiteX83" fmla="*/ 2249808 w 12193196"/>
              <a:gd name="connsiteY83" fmla="*/ 920419 h 6861598"/>
              <a:gd name="connsiteX84" fmla="*/ 2275327 w 12193196"/>
              <a:gd name="connsiteY84" fmla="*/ 918206 h 6861598"/>
              <a:gd name="connsiteX85" fmla="*/ 2297765 w 12193196"/>
              <a:gd name="connsiteY85" fmla="*/ 910921 h 6861598"/>
              <a:gd name="connsiteX86" fmla="*/ 2297765 w 12193196"/>
              <a:gd name="connsiteY86" fmla="*/ 891004 h 6861598"/>
              <a:gd name="connsiteX87" fmla="*/ 2250619 w 12193196"/>
              <a:gd name="connsiteY87" fmla="*/ 900936 h 6861598"/>
              <a:gd name="connsiteX88" fmla="*/ 2215530 w 12193196"/>
              <a:gd name="connsiteY88" fmla="*/ 887497 h 6861598"/>
              <a:gd name="connsiteX89" fmla="*/ 2202392 w 12193196"/>
              <a:gd name="connsiteY89" fmla="*/ 848149 h 6861598"/>
              <a:gd name="connsiteX90" fmla="*/ 2304145 w 12193196"/>
              <a:gd name="connsiteY90" fmla="*/ 848149 h 6861598"/>
              <a:gd name="connsiteX91" fmla="*/ 2304145 w 12193196"/>
              <a:gd name="connsiteY91" fmla="*/ 834008 h 6861598"/>
              <a:gd name="connsiteX92" fmla="*/ 2287925 w 12193196"/>
              <a:gd name="connsiteY92" fmla="*/ 785973 h 6861598"/>
              <a:gd name="connsiteX93" fmla="*/ 2244023 w 12193196"/>
              <a:gd name="connsiteY93" fmla="*/ 767730 h 6861598"/>
              <a:gd name="connsiteX94" fmla="*/ 2764355 w 12193196"/>
              <a:gd name="connsiteY94" fmla="*/ 767729 h 6861598"/>
              <a:gd name="connsiteX95" fmla="*/ 2736781 w 12193196"/>
              <a:gd name="connsiteY95" fmla="*/ 773720 h 6861598"/>
              <a:gd name="connsiteX96" fmla="*/ 2717533 w 12193196"/>
              <a:gd name="connsiteY96" fmla="*/ 790614 h 6861598"/>
              <a:gd name="connsiteX97" fmla="*/ 2716452 w 12193196"/>
              <a:gd name="connsiteY97" fmla="*/ 790614 h 6861598"/>
              <a:gd name="connsiteX98" fmla="*/ 2712776 w 12193196"/>
              <a:gd name="connsiteY98" fmla="*/ 770428 h 6861598"/>
              <a:gd name="connsiteX99" fmla="*/ 2694447 w 12193196"/>
              <a:gd name="connsiteY99" fmla="*/ 770428 h 6861598"/>
              <a:gd name="connsiteX100" fmla="*/ 2694447 w 12193196"/>
              <a:gd name="connsiteY100" fmla="*/ 917775 h 6861598"/>
              <a:gd name="connsiteX101" fmla="*/ 2716830 w 12193196"/>
              <a:gd name="connsiteY101" fmla="*/ 917775 h 6861598"/>
              <a:gd name="connsiteX102" fmla="*/ 2716830 w 12193196"/>
              <a:gd name="connsiteY102" fmla="*/ 840539 h 6861598"/>
              <a:gd name="connsiteX103" fmla="*/ 2727644 w 12193196"/>
              <a:gd name="connsiteY103" fmla="*/ 799250 h 6861598"/>
              <a:gd name="connsiteX104" fmla="*/ 2761543 w 12193196"/>
              <a:gd name="connsiteY104" fmla="*/ 786782 h 6861598"/>
              <a:gd name="connsiteX105" fmla="*/ 2787279 w 12193196"/>
              <a:gd name="connsiteY105" fmla="*/ 795633 h 6861598"/>
              <a:gd name="connsiteX106" fmla="*/ 2795497 w 12193196"/>
              <a:gd name="connsiteY106" fmla="*/ 822620 h 6861598"/>
              <a:gd name="connsiteX107" fmla="*/ 2795497 w 12193196"/>
              <a:gd name="connsiteY107" fmla="*/ 917721 h 6861598"/>
              <a:gd name="connsiteX108" fmla="*/ 2817934 w 12193196"/>
              <a:gd name="connsiteY108" fmla="*/ 917721 h 6861598"/>
              <a:gd name="connsiteX109" fmla="*/ 2817934 w 12193196"/>
              <a:gd name="connsiteY109" fmla="*/ 821648 h 6861598"/>
              <a:gd name="connsiteX110" fmla="*/ 2804472 w 12193196"/>
              <a:gd name="connsiteY110" fmla="*/ 780575 h 6861598"/>
              <a:gd name="connsiteX111" fmla="*/ 2764355 w 12193196"/>
              <a:gd name="connsiteY111" fmla="*/ 767729 h 6861598"/>
              <a:gd name="connsiteX112" fmla="*/ 2592101 w 12193196"/>
              <a:gd name="connsiteY112" fmla="*/ 767567 h 6861598"/>
              <a:gd name="connsiteX113" fmla="*/ 2550902 w 12193196"/>
              <a:gd name="connsiteY113" fmla="*/ 780683 h 6861598"/>
              <a:gd name="connsiteX114" fmla="*/ 2536359 w 12193196"/>
              <a:gd name="connsiteY114" fmla="*/ 817978 h 6861598"/>
              <a:gd name="connsiteX115" fmla="*/ 2543604 w 12193196"/>
              <a:gd name="connsiteY115" fmla="*/ 843778 h 6861598"/>
              <a:gd name="connsiteX116" fmla="*/ 2562203 w 12193196"/>
              <a:gd name="connsiteY116" fmla="*/ 859970 h 6861598"/>
              <a:gd name="connsiteX117" fmla="*/ 2548632 w 12193196"/>
              <a:gd name="connsiteY117" fmla="*/ 871628 h 6861598"/>
              <a:gd name="connsiteX118" fmla="*/ 2544307 w 12193196"/>
              <a:gd name="connsiteY118" fmla="*/ 885769 h 6861598"/>
              <a:gd name="connsiteX119" fmla="*/ 2548145 w 12193196"/>
              <a:gd name="connsiteY119" fmla="*/ 898237 h 6861598"/>
              <a:gd name="connsiteX120" fmla="*/ 2557660 w 12193196"/>
              <a:gd name="connsiteY120" fmla="*/ 906171 h 6861598"/>
              <a:gd name="connsiteX121" fmla="*/ 2533385 w 12193196"/>
              <a:gd name="connsiteY121" fmla="*/ 919502 h 6861598"/>
              <a:gd name="connsiteX122" fmla="*/ 2524789 w 12193196"/>
              <a:gd name="connsiteY122" fmla="*/ 942765 h 6861598"/>
              <a:gd name="connsiteX123" fmla="*/ 2540468 w 12193196"/>
              <a:gd name="connsiteY123" fmla="*/ 973098 h 6861598"/>
              <a:gd name="connsiteX124" fmla="*/ 2585127 w 12193196"/>
              <a:gd name="connsiteY124" fmla="*/ 983892 h 6861598"/>
              <a:gd name="connsiteX125" fmla="*/ 2642490 w 12193196"/>
              <a:gd name="connsiteY125" fmla="*/ 971047 h 6861598"/>
              <a:gd name="connsiteX126" fmla="*/ 2662224 w 12193196"/>
              <a:gd name="connsiteY126" fmla="*/ 934021 h 6861598"/>
              <a:gd name="connsiteX127" fmla="*/ 2649356 w 12193196"/>
              <a:gd name="connsiteY127" fmla="*/ 904714 h 6861598"/>
              <a:gd name="connsiteX128" fmla="*/ 2612538 w 12193196"/>
              <a:gd name="connsiteY128" fmla="*/ 894620 h 6861598"/>
              <a:gd name="connsiteX129" fmla="*/ 2586424 w 12193196"/>
              <a:gd name="connsiteY129" fmla="*/ 894620 h 6861598"/>
              <a:gd name="connsiteX130" fmla="*/ 2569338 w 12193196"/>
              <a:gd name="connsiteY130" fmla="*/ 891760 h 6861598"/>
              <a:gd name="connsiteX131" fmla="*/ 2564364 w 12193196"/>
              <a:gd name="connsiteY131" fmla="*/ 882800 h 6861598"/>
              <a:gd name="connsiteX132" fmla="*/ 2578639 w 12193196"/>
              <a:gd name="connsiteY132" fmla="*/ 863856 h 6861598"/>
              <a:gd name="connsiteX133" fmla="*/ 2591020 w 12193196"/>
              <a:gd name="connsiteY133" fmla="*/ 864935 h 6861598"/>
              <a:gd name="connsiteX134" fmla="*/ 2631677 w 12193196"/>
              <a:gd name="connsiteY134" fmla="*/ 852035 h 6861598"/>
              <a:gd name="connsiteX135" fmla="*/ 2646492 w 12193196"/>
              <a:gd name="connsiteY135" fmla="*/ 817493 h 6861598"/>
              <a:gd name="connsiteX136" fmla="*/ 2643517 w 12193196"/>
              <a:gd name="connsiteY136" fmla="*/ 800329 h 6861598"/>
              <a:gd name="connsiteX137" fmla="*/ 2636760 w 12193196"/>
              <a:gd name="connsiteY137" fmla="*/ 788023 h 6861598"/>
              <a:gd name="connsiteX138" fmla="*/ 2664117 w 12193196"/>
              <a:gd name="connsiteY138" fmla="*/ 784839 h 6861598"/>
              <a:gd name="connsiteX139" fmla="*/ 2664117 w 12193196"/>
              <a:gd name="connsiteY139" fmla="*/ 770428 h 6861598"/>
              <a:gd name="connsiteX140" fmla="*/ 2612970 w 12193196"/>
              <a:gd name="connsiteY140" fmla="*/ 770266 h 6861598"/>
              <a:gd name="connsiteX141" fmla="*/ 2592101 w 12193196"/>
              <a:gd name="connsiteY141" fmla="*/ 767567 h 6861598"/>
              <a:gd name="connsiteX142" fmla="*/ 2012728 w 12193196"/>
              <a:gd name="connsiteY142" fmla="*/ 741013 h 6861598"/>
              <a:gd name="connsiteX143" fmla="*/ 2045979 w 12193196"/>
              <a:gd name="connsiteY143" fmla="*/ 741013 h 6861598"/>
              <a:gd name="connsiteX144" fmla="*/ 2103397 w 12193196"/>
              <a:gd name="connsiteY144" fmla="*/ 760498 h 6861598"/>
              <a:gd name="connsiteX145" fmla="*/ 2122699 w 12193196"/>
              <a:gd name="connsiteY145" fmla="*/ 818411 h 6861598"/>
              <a:gd name="connsiteX146" fmla="*/ 2102099 w 12193196"/>
              <a:gd name="connsiteY146" fmla="*/ 878106 h 6861598"/>
              <a:gd name="connsiteX147" fmla="*/ 2040572 w 12193196"/>
              <a:gd name="connsiteY147" fmla="*/ 898184 h 6861598"/>
              <a:gd name="connsiteX148" fmla="*/ 2012728 w 12193196"/>
              <a:gd name="connsiteY148" fmla="*/ 898184 h 6861598"/>
              <a:gd name="connsiteX149" fmla="*/ 1772674 w 12193196"/>
              <a:gd name="connsiteY149" fmla="*/ 736587 h 6861598"/>
              <a:gd name="connsiteX150" fmla="*/ 1791219 w 12193196"/>
              <a:gd name="connsiteY150" fmla="*/ 743064 h 6861598"/>
              <a:gd name="connsiteX151" fmla="*/ 1798139 w 12193196"/>
              <a:gd name="connsiteY151" fmla="*/ 759958 h 6861598"/>
              <a:gd name="connsiteX152" fmla="*/ 1791327 w 12193196"/>
              <a:gd name="connsiteY152" fmla="*/ 779658 h 6861598"/>
              <a:gd name="connsiteX153" fmla="*/ 1767159 w 12193196"/>
              <a:gd name="connsiteY153" fmla="*/ 798279 h 6861598"/>
              <a:gd name="connsiteX154" fmla="*/ 1750615 w 12193196"/>
              <a:gd name="connsiteY154" fmla="*/ 778039 h 6861598"/>
              <a:gd name="connsiteX155" fmla="*/ 1745749 w 12193196"/>
              <a:gd name="connsiteY155" fmla="*/ 760335 h 6861598"/>
              <a:gd name="connsiteX156" fmla="*/ 1745587 w 12193196"/>
              <a:gd name="connsiteY156" fmla="*/ 760335 h 6861598"/>
              <a:gd name="connsiteX157" fmla="*/ 1753210 w 12193196"/>
              <a:gd name="connsiteY157" fmla="*/ 743010 h 6861598"/>
              <a:gd name="connsiteX158" fmla="*/ 1772674 w 12193196"/>
              <a:gd name="connsiteY158" fmla="*/ 736587 h 6861598"/>
              <a:gd name="connsiteX159" fmla="*/ 1989804 w 12193196"/>
              <a:gd name="connsiteY159" fmla="*/ 721259 h 6861598"/>
              <a:gd name="connsiteX160" fmla="*/ 1989804 w 12193196"/>
              <a:gd name="connsiteY160" fmla="*/ 917722 h 6861598"/>
              <a:gd name="connsiteX161" fmla="*/ 2044357 w 12193196"/>
              <a:gd name="connsiteY161" fmla="*/ 917722 h 6861598"/>
              <a:gd name="connsiteX162" fmla="*/ 2120482 w 12193196"/>
              <a:gd name="connsiteY162" fmla="*/ 892031 h 6861598"/>
              <a:gd name="connsiteX163" fmla="*/ 2146974 w 12193196"/>
              <a:gd name="connsiteY163" fmla="*/ 817601 h 6861598"/>
              <a:gd name="connsiteX164" fmla="*/ 2121510 w 12193196"/>
              <a:gd name="connsiteY164" fmla="*/ 746626 h 6861598"/>
              <a:gd name="connsiteX165" fmla="*/ 2050142 w 12193196"/>
              <a:gd name="connsiteY165" fmla="*/ 721259 h 6861598"/>
              <a:gd name="connsiteX166" fmla="*/ 1773485 w 12193196"/>
              <a:gd name="connsiteY166" fmla="*/ 718290 h 6861598"/>
              <a:gd name="connsiteX167" fmla="*/ 1736720 w 12193196"/>
              <a:gd name="connsiteY167" fmla="*/ 729625 h 6861598"/>
              <a:gd name="connsiteX168" fmla="*/ 1723528 w 12193196"/>
              <a:gd name="connsiteY168" fmla="*/ 761037 h 6861598"/>
              <a:gd name="connsiteX169" fmla="*/ 1725961 w 12193196"/>
              <a:gd name="connsiteY169" fmla="*/ 775826 h 6861598"/>
              <a:gd name="connsiteX170" fmla="*/ 1732449 w 12193196"/>
              <a:gd name="connsiteY170" fmla="*/ 789535 h 6861598"/>
              <a:gd name="connsiteX171" fmla="*/ 1748020 w 12193196"/>
              <a:gd name="connsiteY171" fmla="*/ 808911 h 6861598"/>
              <a:gd name="connsiteX172" fmla="*/ 1714445 w 12193196"/>
              <a:gd name="connsiteY172" fmla="*/ 835898 h 6861598"/>
              <a:gd name="connsiteX173" fmla="*/ 1705091 w 12193196"/>
              <a:gd name="connsiteY173" fmla="*/ 866825 h 6861598"/>
              <a:gd name="connsiteX174" fmla="*/ 1721041 w 12193196"/>
              <a:gd name="connsiteY174" fmla="*/ 906333 h 6861598"/>
              <a:gd name="connsiteX175" fmla="*/ 1765916 w 12193196"/>
              <a:gd name="connsiteY175" fmla="*/ 920582 h 6861598"/>
              <a:gd name="connsiteX176" fmla="*/ 1834850 w 12193196"/>
              <a:gd name="connsiteY176" fmla="*/ 893973 h 6861598"/>
              <a:gd name="connsiteX177" fmla="*/ 1859775 w 12193196"/>
              <a:gd name="connsiteY177" fmla="*/ 917884 h 6861598"/>
              <a:gd name="connsiteX178" fmla="*/ 1890592 w 12193196"/>
              <a:gd name="connsiteY178" fmla="*/ 917884 h 6861598"/>
              <a:gd name="connsiteX179" fmla="*/ 1850367 w 12193196"/>
              <a:gd name="connsiteY179" fmla="*/ 878807 h 6861598"/>
              <a:gd name="connsiteX180" fmla="*/ 1877941 w 12193196"/>
              <a:gd name="connsiteY180" fmla="*/ 820462 h 6861598"/>
              <a:gd name="connsiteX181" fmla="*/ 1855341 w 12193196"/>
              <a:gd name="connsiteY181" fmla="*/ 820462 h 6861598"/>
              <a:gd name="connsiteX182" fmla="*/ 1847718 w 12193196"/>
              <a:gd name="connsiteY182" fmla="*/ 844966 h 6861598"/>
              <a:gd name="connsiteX183" fmla="*/ 1835661 w 12193196"/>
              <a:gd name="connsiteY183" fmla="*/ 864558 h 6861598"/>
              <a:gd name="connsiteX184" fmla="*/ 1780892 w 12193196"/>
              <a:gd name="connsiteY184" fmla="*/ 811988 h 6861598"/>
              <a:gd name="connsiteX185" fmla="*/ 1811169 w 12193196"/>
              <a:gd name="connsiteY185" fmla="*/ 787322 h 6861598"/>
              <a:gd name="connsiteX186" fmla="*/ 1820306 w 12193196"/>
              <a:gd name="connsiteY186" fmla="*/ 760767 h 6861598"/>
              <a:gd name="connsiteX187" fmla="*/ 1807817 w 12193196"/>
              <a:gd name="connsiteY187" fmla="*/ 729517 h 6861598"/>
              <a:gd name="connsiteX188" fmla="*/ 1773485 w 12193196"/>
              <a:gd name="connsiteY188" fmla="*/ 718290 h 6861598"/>
              <a:gd name="connsiteX189" fmla="*/ 2484996 w 12193196"/>
              <a:gd name="connsiteY189" fmla="*/ 715753 h 6861598"/>
              <a:gd name="connsiteX190" fmla="*/ 2475589 w 12193196"/>
              <a:gd name="connsiteY190" fmla="*/ 719315 h 6861598"/>
              <a:gd name="connsiteX191" fmla="*/ 2471804 w 12193196"/>
              <a:gd name="connsiteY191" fmla="*/ 730542 h 6861598"/>
              <a:gd name="connsiteX192" fmla="*/ 2475589 w 12193196"/>
              <a:gd name="connsiteY192" fmla="*/ 741768 h 6861598"/>
              <a:gd name="connsiteX193" fmla="*/ 2494296 w 12193196"/>
              <a:gd name="connsiteY193" fmla="*/ 741768 h 6861598"/>
              <a:gd name="connsiteX194" fmla="*/ 2498242 w 12193196"/>
              <a:gd name="connsiteY194" fmla="*/ 730542 h 6861598"/>
              <a:gd name="connsiteX195" fmla="*/ 2494296 w 12193196"/>
              <a:gd name="connsiteY195" fmla="*/ 719369 h 6861598"/>
              <a:gd name="connsiteX196" fmla="*/ 2484996 w 12193196"/>
              <a:gd name="connsiteY196" fmla="*/ 715753 h 6861598"/>
              <a:gd name="connsiteX197" fmla="*/ 2071174 w 12193196"/>
              <a:gd name="connsiteY197" fmla="*/ 622920 h 6861598"/>
              <a:gd name="connsiteX198" fmla="*/ 2098208 w 12193196"/>
              <a:gd name="connsiteY198" fmla="*/ 622920 h 6861598"/>
              <a:gd name="connsiteX199" fmla="*/ 2126108 w 12193196"/>
              <a:gd name="connsiteY199" fmla="*/ 627562 h 6861598"/>
              <a:gd name="connsiteX200" fmla="*/ 2133460 w 12193196"/>
              <a:gd name="connsiteY200" fmla="*/ 644186 h 6861598"/>
              <a:gd name="connsiteX201" fmla="*/ 2119943 w 12193196"/>
              <a:gd name="connsiteY201" fmla="*/ 666963 h 6861598"/>
              <a:gd name="connsiteX202" fmla="*/ 2078258 w 12193196"/>
              <a:gd name="connsiteY202" fmla="*/ 675328 h 6861598"/>
              <a:gd name="connsiteX203" fmla="*/ 2049332 w 12193196"/>
              <a:gd name="connsiteY203" fmla="*/ 669174 h 6861598"/>
              <a:gd name="connsiteX204" fmla="*/ 2039222 w 12193196"/>
              <a:gd name="connsiteY204" fmla="*/ 651040 h 6861598"/>
              <a:gd name="connsiteX205" fmla="*/ 2047764 w 12193196"/>
              <a:gd name="connsiteY205" fmla="*/ 630207 h 6861598"/>
              <a:gd name="connsiteX206" fmla="*/ 2071174 w 12193196"/>
              <a:gd name="connsiteY206" fmla="*/ 622920 h 6861598"/>
              <a:gd name="connsiteX207" fmla="*/ 3122004 w 12193196"/>
              <a:gd name="connsiteY207" fmla="*/ 622919 h 6861598"/>
              <a:gd name="connsiteX208" fmla="*/ 3149037 w 12193196"/>
              <a:gd name="connsiteY208" fmla="*/ 622919 h 6861598"/>
              <a:gd name="connsiteX209" fmla="*/ 3176881 w 12193196"/>
              <a:gd name="connsiteY209" fmla="*/ 627561 h 6861598"/>
              <a:gd name="connsiteX210" fmla="*/ 3184289 w 12193196"/>
              <a:gd name="connsiteY210" fmla="*/ 644185 h 6861598"/>
              <a:gd name="connsiteX211" fmla="*/ 3170772 w 12193196"/>
              <a:gd name="connsiteY211" fmla="*/ 666962 h 6861598"/>
              <a:gd name="connsiteX212" fmla="*/ 3129087 w 12193196"/>
              <a:gd name="connsiteY212" fmla="*/ 675328 h 6861598"/>
              <a:gd name="connsiteX213" fmla="*/ 3100324 w 12193196"/>
              <a:gd name="connsiteY213" fmla="*/ 669175 h 6861598"/>
              <a:gd name="connsiteX214" fmla="*/ 3090213 w 12193196"/>
              <a:gd name="connsiteY214" fmla="*/ 651040 h 6861598"/>
              <a:gd name="connsiteX215" fmla="*/ 3098323 w 12193196"/>
              <a:gd name="connsiteY215" fmla="*/ 630206 h 6861598"/>
              <a:gd name="connsiteX216" fmla="*/ 3122004 w 12193196"/>
              <a:gd name="connsiteY216" fmla="*/ 622919 h 6861598"/>
              <a:gd name="connsiteX217" fmla="*/ 2482457 w 12193196"/>
              <a:gd name="connsiteY217" fmla="*/ 494948 h 6861598"/>
              <a:gd name="connsiteX218" fmla="*/ 2509382 w 12193196"/>
              <a:gd name="connsiteY218" fmla="*/ 506121 h 6861598"/>
              <a:gd name="connsiteX219" fmla="*/ 2518843 w 12193196"/>
              <a:gd name="connsiteY219" fmla="*/ 538505 h 6861598"/>
              <a:gd name="connsiteX220" fmla="*/ 2441691 w 12193196"/>
              <a:gd name="connsiteY220" fmla="*/ 538505 h 6861598"/>
              <a:gd name="connsiteX221" fmla="*/ 2454126 w 12193196"/>
              <a:gd name="connsiteY221" fmla="*/ 506553 h 6861598"/>
              <a:gd name="connsiteX222" fmla="*/ 2482457 w 12193196"/>
              <a:gd name="connsiteY222" fmla="*/ 494948 h 6861598"/>
              <a:gd name="connsiteX223" fmla="*/ 2637085 w 12193196"/>
              <a:gd name="connsiteY223" fmla="*/ 494948 h 6861598"/>
              <a:gd name="connsiteX224" fmla="*/ 2664064 w 12193196"/>
              <a:gd name="connsiteY224" fmla="*/ 506121 h 6861598"/>
              <a:gd name="connsiteX225" fmla="*/ 2673472 w 12193196"/>
              <a:gd name="connsiteY225" fmla="*/ 538505 h 6861598"/>
              <a:gd name="connsiteX226" fmla="*/ 2596320 w 12193196"/>
              <a:gd name="connsiteY226" fmla="*/ 538505 h 6861598"/>
              <a:gd name="connsiteX227" fmla="*/ 2608754 w 12193196"/>
              <a:gd name="connsiteY227" fmla="*/ 506553 h 6861598"/>
              <a:gd name="connsiteX228" fmla="*/ 2637085 w 12193196"/>
              <a:gd name="connsiteY228" fmla="*/ 494948 h 6861598"/>
              <a:gd name="connsiteX229" fmla="*/ 2083826 w 12193196"/>
              <a:gd name="connsiteY229" fmla="*/ 492575 h 6861598"/>
              <a:gd name="connsiteX230" fmla="*/ 2116915 w 12193196"/>
              <a:gd name="connsiteY230" fmla="*/ 525768 h 6861598"/>
              <a:gd name="connsiteX231" fmla="*/ 2084475 w 12193196"/>
              <a:gd name="connsiteY231" fmla="*/ 557451 h 6861598"/>
              <a:gd name="connsiteX232" fmla="*/ 2060092 w 12193196"/>
              <a:gd name="connsiteY232" fmla="*/ 549570 h 6861598"/>
              <a:gd name="connsiteX233" fmla="*/ 2051333 w 12193196"/>
              <a:gd name="connsiteY233" fmla="*/ 526146 h 6861598"/>
              <a:gd name="connsiteX234" fmla="*/ 2059550 w 12193196"/>
              <a:gd name="connsiteY234" fmla="*/ 501048 h 6861598"/>
              <a:gd name="connsiteX235" fmla="*/ 2083826 w 12193196"/>
              <a:gd name="connsiteY235" fmla="*/ 492575 h 6861598"/>
              <a:gd name="connsiteX236" fmla="*/ 3135034 w 12193196"/>
              <a:gd name="connsiteY236" fmla="*/ 492574 h 6861598"/>
              <a:gd name="connsiteX237" fmla="*/ 3168177 w 12193196"/>
              <a:gd name="connsiteY237" fmla="*/ 525767 h 6861598"/>
              <a:gd name="connsiteX238" fmla="*/ 3135467 w 12193196"/>
              <a:gd name="connsiteY238" fmla="*/ 557450 h 6861598"/>
              <a:gd name="connsiteX239" fmla="*/ 3111083 w 12193196"/>
              <a:gd name="connsiteY239" fmla="*/ 549570 h 6861598"/>
              <a:gd name="connsiteX240" fmla="*/ 3102323 w 12193196"/>
              <a:gd name="connsiteY240" fmla="*/ 526145 h 6861598"/>
              <a:gd name="connsiteX241" fmla="*/ 3110813 w 12193196"/>
              <a:gd name="connsiteY241" fmla="*/ 501048 h 6861598"/>
              <a:gd name="connsiteX242" fmla="*/ 3135034 w 12193196"/>
              <a:gd name="connsiteY242" fmla="*/ 492574 h 6861598"/>
              <a:gd name="connsiteX243" fmla="*/ 2847943 w 12193196"/>
              <a:gd name="connsiteY243" fmla="*/ 478973 h 6861598"/>
              <a:gd name="connsiteX244" fmla="*/ 2847943 w 12193196"/>
              <a:gd name="connsiteY244" fmla="*/ 626266 h 6861598"/>
              <a:gd name="connsiteX245" fmla="*/ 2870489 w 12193196"/>
              <a:gd name="connsiteY245" fmla="*/ 626266 h 6861598"/>
              <a:gd name="connsiteX246" fmla="*/ 2870273 w 12193196"/>
              <a:gd name="connsiteY246" fmla="*/ 478973 h 6861598"/>
              <a:gd name="connsiteX247" fmla="*/ 2187202 w 12193196"/>
              <a:gd name="connsiteY247" fmla="*/ 478972 h 6861598"/>
              <a:gd name="connsiteX248" fmla="*/ 2187202 w 12193196"/>
              <a:gd name="connsiteY248" fmla="*/ 626266 h 6861598"/>
              <a:gd name="connsiteX249" fmla="*/ 2209531 w 12193196"/>
              <a:gd name="connsiteY249" fmla="*/ 626266 h 6861598"/>
              <a:gd name="connsiteX250" fmla="*/ 2209531 w 12193196"/>
              <a:gd name="connsiteY250" fmla="*/ 478972 h 6861598"/>
              <a:gd name="connsiteX251" fmla="*/ 1936875 w 12193196"/>
              <a:gd name="connsiteY251" fmla="*/ 476275 h 6861598"/>
              <a:gd name="connsiteX252" fmla="*/ 1909248 w 12193196"/>
              <a:gd name="connsiteY252" fmla="*/ 482266 h 6861598"/>
              <a:gd name="connsiteX253" fmla="*/ 1890000 w 12193196"/>
              <a:gd name="connsiteY253" fmla="*/ 499160 h 6861598"/>
              <a:gd name="connsiteX254" fmla="*/ 1888919 w 12193196"/>
              <a:gd name="connsiteY254" fmla="*/ 499160 h 6861598"/>
              <a:gd name="connsiteX255" fmla="*/ 1885296 w 12193196"/>
              <a:gd name="connsiteY255" fmla="*/ 478974 h 6861598"/>
              <a:gd name="connsiteX256" fmla="*/ 1867130 w 12193196"/>
              <a:gd name="connsiteY256" fmla="*/ 478974 h 6861598"/>
              <a:gd name="connsiteX257" fmla="*/ 1867130 w 12193196"/>
              <a:gd name="connsiteY257" fmla="*/ 626267 h 6861598"/>
              <a:gd name="connsiteX258" fmla="*/ 1889459 w 12193196"/>
              <a:gd name="connsiteY258" fmla="*/ 626267 h 6861598"/>
              <a:gd name="connsiteX259" fmla="*/ 1889459 w 12193196"/>
              <a:gd name="connsiteY259" fmla="*/ 549031 h 6861598"/>
              <a:gd name="connsiteX260" fmla="*/ 1900273 w 12193196"/>
              <a:gd name="connsiteY260" fmla="*/ 507742 h 6861598"/>
              <a:gd name="connsiteX261" fmla="*/ 1934226 w 12193196"/>
              <a:gd name="connsiteY261" fmla="*/ 495274 h 6861598"/>
              <a:gd name="connsiteX262" fmla="*/ 1959691 w 12193196"/>
              <a:gd name="connsiteY262" fmla="*/ 504179 h 6861598"/>
              <a:gd name="connsiteX263" fmla="*/ 1967909 w 12193196"/>
              <a:gd name="connsiteY263" fmla="*/ 531166 h 6861598"/>
              <a:gd name="connsiteX264" fmla="*/ 1967909 w 12193196"/>
              <a:gd name="connsiteY264" fmla="*/ 626267 h 6861598"/>
              <a:gd name="connsiteX265" fmla="*/ 1990455 w 12193196"/>
              <a:gd name="connsiteY265" fmla="*/ 626267 h 6861598"/>
              <a:gd name="connsiteX266" fmla="*/ 1990455 w 12193196"/>
              <a:gd name="connsiteY266" fmla="*/ 530195 h 6861598"/>
              <a:gd name="connsiteX267" fmla="*/ 1976993 w 12193196"/>
              <a:gd name="connsiteY267" fmla="*/ 489121 h 6861598"/>
              <a:gd name="connsiteX268" fmla="*/ 1936875 w 12193196"/>
              <a:gd name="connsiteY268" fmla="*/ 476275 h 6861598"/>
              <a:gd name="connsiteX269" fmla="*/ 2482727 w 12193196"/>
              <a:gd name="connsiteY269" fmla="*/ 476274 h 6861598"/>
              <a:gd name="connsiteX270" fmla="*/ 2435527 w 12193196"/>
              <a:gd name="connsiteY270" fmla="*/ 497269 h 6861598"/>
              <a:gd name="connsiteX271" fmla="*/ 2417956 w 12193196"/>
              <a:gd name="connsiteY271" fmla="*/ 553833 h 6861598"/>
              <a:gd name="connsiteX272" fmla="*/ 2436879 w 12193196"/>
              <a:gd name="connsiteY272" fmla="*/ 609102 h 6861598"/>
              <a:gd name="connsiteX273" fmla="*/ 2488512 w 12193196"/>
              <a:gd name="connsiteY273" fmla="*/ 628964 h 6861598"/>
              <a:gd name="connsiteX274" fmla="*/ 2514085 w 12193196"/>
              <a:gd name="connsiteY274" fmla="*/ 626751 h 6861598"/>
              <a:gd name="connsiteX275" fmla="*/ 2536523 w 12193196"/>
              <a:gd name="connsiteY275" fmla="*/ 619465 h 6861598"/>
              <a:gd name="connsiteX276" fmla="*/ 2536523 w 12193196"/>
              <a:gd name="connsiteY276" fmla="*/ 599549 h 6861598"/>
              <a:gd name="connsiteX277" fmla="*/ 2489377 w 12193196"/>
              <a:gd name="connsiteY277" fmla="*/ 609480 h 6861598"/>
              <a:gd name="connsiteX278" fmla="*/ 2454342 w 12193196"/>
              <a:gd name="connsiteY278" fmla="*/ 596041 h 6861598"/>
              <a:gd name="connsiteX279" fmla="*/ 2441204 w 12193196"/>
              <a:gd name="connsiteY279" fmla="*/ 556694 h 6861598"/>
              <a:gd name="connsiteX280" fmla="*/ 2542849 w 12193196"/>
              <a:gd name="connsiteY280" fmla="*/ 556694 h 6861598"/>
              <a:gd name="connsiteX281" fmla="*/ 2542849 w 12193196"/>
              <a:gd name="connsiteY281" fmla="*/ 542553 h 6861598"/>
              <a:gd name="connsiteX282" fmla="*/ 2526629 w 12193196"/>
              <a:gd name="connsiteY282" fmla="*/ 494517 h 6861598"/>
              <a:gd name="connsiteX283" fmla="*/ 2482727 w 12193196"/>
              <a:gd name="connsiteY283" fmla="*/ 476274 h 6861598"/>
              <a:gd name="connsiteX284" fmla="*/ 2326692 w 12193196"/>
              <a:gd name="connsiteY284" fmla="*/ 476274 h 6861598"/>
              <a:gd name="connsiteX285" fmla="*/ 2299065 w 12193196"/>
              <a:gd name="connsiteY285" fmla="*/ 482265 h 6861598"/>
              <a:gd name="connsiteX286" fmla="*/ 2279817 w 12193196"/>
              <a:gd name="connsiteY286" fmla="*/ 499159 h 6861598"/>
              <a:gd name="connsiteX287" fmla="*/ 2278736 w 12193196"/>
              <a:gd name="connsiteY287" fmla="*/ 499159 h 6861598"/>
              <a:gd name="connsiteX288" fmla="*/ 2275113 w 12193196"/>
              <a:gd name="connsiteY288" fmla="*/ 478973 h 6861598"/>
              <a:gd name="connsiteX289" fmla="*/ 2256947 w 12193196"/>
              <a:gd name="connsiteY289" fmla="*/ 478973 h 6861598"/>
              <a:gd name="connsiteX290" fmla="*/ 2256947 w 12193196"/>
              <a:gd name="connsiteY290" fmla="*/ 626266 h 6861598"/>
              <a:gd name="connsiteX291" fmla="*/ 2279276 w 12193196"/>
              <a:gd name="connsiteY291" fmla="*/ 626266 h 6861598"/>
              <a:gd name="connsiteX292" fmla="*/ 2279276 w 12193196"/>
              <a:gd name="connsiteY292" fmla="*/ 549084 h 6861598"/>
              <a:gd name="connsiteX293" fmla="*/ 2290090 w 12193196"/>
              <a:gd name="connsiteY293" fmla="*/ 507795 h 6861598"/>
              <a:gd name="connsiteX294" fmla="*/ 2323989 w 12193196"/>
              <a:gd name="connsiteY294" fmla="*/ 495327 h 6861598"/>
              <a:gd name="connsiteX295" fmla="*/ 2349725 w 12193196"/>
              <a:gd name="connsiteY295" fmla="*/ 504178 h 6861598"/>
              <a:gd name="connsiteX296" fmla="*/ 2357943 w 12193196"/>
              <a:gd name="connsiteY296" fmla="*/ 531165 h 6861598"/>
              <a:gd name="connsiteX297" fmla="*/ 2357943 w 12193196"/>
              <a:gd name="connsiteY297" fmla="*/ 626266 h 6861598"/>
              <a:gd name="connsiteX298" fmla="*/ 2380272 w 12193196"/>
              <a:gd name="connsiteY298" fmla="*/ 626266 h 6861598"/>
              <a:gd name="connsiteX299" fmla="*/ 2380272 w 12193196"/>
              <a:gd name="connsiteY299" fmla="*/ 530194 h 6861598"/>
              <a:gd name="connsiteX300" fmla="*/ 2366810 w 12193196"/>
              <a:gd name="connsiteY300" fmla="*/ 489120 h 6861598"/>
              <a:gd name="connsiteX301" fmla="*/ 2326692 w 12193196"/>
              <a:gd name="connsiteY301" fmla="*/ 476274 h 6861598"/>
              <a:gd name="connsiteX302" fmla="*/ 2637409 w 12193196"/>
              <a:gd name="connsiteY302" fmla="*/ 476274 h 6861598"/>
              <a:gd name="connsiteX303" fmla="*/ 2590265 w 12193196"/>
              <a:gd name="connsiteY303" fmla="*/ 497269 h 6861598"/>
              <a:gd name="connsiteX304" fmla="*/ 2572692 w 12193196"/>
              <a:gd name="connsiteY304" fmla="*/ 553833 h 6861598"/>
              <a:gd name="connsiteX305" fmla="*/ 2591561 w 12193196"/>
              <a:gd name="connsiteY305" fmla="*/ 609102 h 6861598"/>
              <a:gd name="connsiteX306" fmla="*/ 2643249 w 12193196"/>
              <a:gd name="connsiteY306" fmla="*/ 628964 h 6861598"/>
              <a:gd name="connsiteX307" fmla="*/ 2668714 w 12193196"/>
              <a:gd name="connsiteY307" fmla="*/ 626751 h 6861598"/>
              <a:gd name="connsiteX308" fmla="*/ 2691151 w 12193196"/>
              <a:gd name="connsiteY308" fmla="*/ 619465 h 6861598"/>
              <a:gd name="connsiteX309" fmla="*/ 2691151 w 12193196"/>
              <a:gd name="connsiteY309" fmla="*/ 599549 h 6861598"/>
              <a:gd name="connsiteX310" fmla="*/ 2644060 w 12193196"/>
              <a:gd name="connsiteY310" fmla="*/ 609480 h 6861598"/>
              <a:gd name="connsiteX311" fmla="*/ 2609025 w 12193196"/>
              <a:gd name="connsiteY311" fmla="*/ 596041 h 6861598"/>
              <a:gd name="connsiteX312" fmla="*/ 2595887 w 12193196"/>
              <a:gd name="connsiteY312" fmla="*/ 556694 h 6861598"/>
              <a:gd name="connsiteX313" fmla="*/ 2697531 w 12193196"/>
              <a:gd name="connsiteY313" fmla="*/ 556694 h 6861598"/>
              <a:gd name="connsiteX314" fmla="*/ 2697531 w 12193196"/>
              <a:gd name="connsiteY314" fmla="*/ 542553 h 6861598"/>
              <a:gd name="connsiteX315" fmla="*/ 2681312 w 12193196"/>
              <a:gd name="connsiteY315" fmla="*/ 494517 h 6861598"/>
              <a:gd name="connsiteX316" fmla="*/ 2637409 w 12193196"/>
              <a:gd name="connsiteY316" fmla="*/ 476274 h 6861598"/>
              <a:gd name="connsiteX317" fmla="*/ 2987596 w 12193196"/>
              <a:gd name="connsiteY317" fmla="*/ 476274 h 6861598"/>
              <a:gd name="connsiteX318" fmla="*/ 2959969 w 12193196"/>
              <a:gd name="connsiteY318" fmla="*/ 482265 h 6861598"/>
              <a:gd name="connsiteX319" fmla="*/ 2940721 w 12193196"/>
              <a:gd name="connsiteY319" fmla="*/ 499159 h 6861598"/>
              <a:gd name="connsiteX320" fmla="*/ 2939640 w 12193196"/>
              <a:gd name="connsiteY320" fmla="*/ 499159 h 6861598"/>
              <a:gd name="connsiteX321" fmla="*/ 2936017 w 12193196"/>
              <a:gd name="connsiteY321" fmla="*/ 478973 h 6861598"/>
              <a:gd name="connsiteX322" fmla="*/ 2917851 w 12193196"/>
              <a:gd name="connsiteY322" fmla="*/ 478973 h 6861598"/>
              <a:gd name="connsiteX323" fmla="*/ 2917851 w 12193196"/>
              <a:gd name="connsiteY323" fmla="*/ 626266 h 6861598"/>
              <a:gd name="connsiteX324" fmla="*/ 2940180 w 12193196"/>
              <a:gd name="connsiteY324" fmla="*/ 626266 h 6861598"/>
              <a:gd name="connsiteX325" fmla="*/ 2940180 w 12193196"/>
              <a:gd name="connsiteY325" fmla="*/ 549084 h 6861598"/>
              <a:gd name="connsiteX326" fmla="*/ 2950994 w 12193196"/>
              <a:gd name="connsiteY326" fmla="*/ 507795 h 6861598"/>
              <a:gd name="connsiteX327" fmla="*/ 2984947 w 12193196"/>
              <a:gd name="connsiteY327" fmla="*/ 495327 h 6861598"/>
              <a:gd name="connsiteX328" fmla="*/ 3010629 w 12193196"/>
              <a:gd name="connsiteY328" fmla="*/ 504178 h 6861598"/>
              <a:gd name="connsiteX329" fmla="*/ 3018847 w 12193196"/>
              <a:gd name="connsiteY329" fmla="*/ 531165 h 6861598"/>
              <a:gd name="connsiteX330" fmla="*/ 3018847 w 12193196"/>
              <a:gd name="connsiteY330" fmla="*/ 626266 h 6861598"/>
              <a:gd name="connsiteX331" fmla="*/ 3041176 w 12193196"/>
              <a:gd name="connsiteY331" fmla="*/ 626266 h 6861598"/>
              <a:gd name="connsiteX332" fmla="*/ 3041176 w 12193196"/>
              <a:gd name="connsiteY332" fmla="*/ 530194 h 6861598"/>
              <a:gd name="connsiteX333" fmla="*/ 3027714 w 12193196"/>
              <a:gd name="connsiteY333" fmla="*/ 489120 h 6861598"/>
              <a:gd name="connsiteX334" fmla="*/ 2987596 w 12193196"/>
              <a:gd name="connsiteY334" fmla="*/ 476274 h 6861598"/>
              <a:gd name="connsiteX335" fmla="*/ 3136170 w 12193196"/>
              <a:gd name="connsiteY335" fmla="*/ 476274 h 6861598"/>
              <a:gd name="connsiteX336" fmla="*/ 3094971 w 12193196"/>
              <a:gd name="connsiteY336" fmla="*/ 489389 h 6861598"/>
              <a:gd name="connsiteX337" fmla="*/ 3080426 w 12193196"/>
              <a:gd name="connsiteY337" fmla="*/ 526685 h 6861598"/>
              <a:gd name="connsiteX338" fmla="*/ 3087456 w 12193196"/>
              <a:gd name="connsiteY338" fmla="*/ 552268 h 6861598"/>
              <a:gd name="connsiteX339" fmla="*/ 3106109 w 12193196"/>
              <a:gd name="connsiteY339" fmla="*/ 568460 h 6861598"/>
              <a:gd name="connsiteX340" fmla="*/ 3092484 w 12193196"/>
              <a:gd name="connsiteY340" fmla="*/ 580118 h 6861598"/>
              <a:gd name="connsiteX341" fmla="*/ 3088213 w 12193196"/>
              <a:gd name="connsiteY341" fmla="*/ 594260 h 6861598"/>
              <a:gd name="connsiteX342" fmla="*/ 3092051 w 12193196"/>
              <a:gd name="connsiteY342" fmla="*/ 606727 h 6861598"/>
              <a:gd name="connsiteX343" fmla="*/ 3101513 w 12193196"/>
              <a:gd name="connsiteY343" fmla="*/ 614985 h 6861598"/>
              <a:gd name="connsiteX344" fmla="*/ 3077292 w 12193196"/>
              <a:gd name="connsiteY344" fmla="*/ 628317 h 6861598"/>
              <a:gd name="connsiteX345" fmla="*/ 3068802 w 12193196"/>
              <a:gd name="connsiteY345" fmla="*/ 651309 h 6861598"/>
              <a:gd name="connsiteX346" fmla="*/ 3084481 w 12193196"/>
              <a:gd name="connsiteY346" fmla="*/ 681642 h 6861598"/>
              <a:gd name="connsiteX347" fmla="*/ 3129087 w 12193196"/>
              <a:gd name="connsiteY347" fmla="*/ 692437 h 6861598"/>
              <a:gd name="connsiteX348" fmla="*/ 3186127 w 12193196"/>
              <a:gd name="connsiteY348" fmla="*/ 679861 h 6861598"/>
              <a:gd name="connsiteX349" fmla="*/ 3205807 w 12193196"/>
              <a:gd name="connsiteY349" fmla="*/ 642566 h 6861598"/>
              <a:gd name="connsiteX350" fmla="*/ 3192939 w 12193196"/>
              <a:gd name="connsiteY350" fmla="*/ 613258 h 6861598"/>
              <a:gd name="connsiteX351" fmla="*/ 3156120 w 12193196"/>
              <a:gd name="connsiteY351" fmla="*/ 603165 h 6861598"/>
              <a:gd name="connsiteX352" fmla="*/ 3130221 w 12193196"/>
              <a:gd name="connsiteY352" fmla="*/ 603165 h 6861598"/>
              <a:gd name="connsiteX353" fmla="*/ 3113083 w 12193196"/>
              <a:gd name="connsiteY353" fmla="*/ 600305 h 6861598"/>
              <a:gd name="connsiteX354" fmla="*/ 3108109 w 12193196"/>
              <a:gd name="connsiteY354" fmla="*/ 591345 h 6861598"/>
              <a:gd name="connsiteX355" fmla="*/ 3122383 w 12193196"/>
              <a:gd name="connsiteY355" fmla="*/ 572400 h 6861598"/>
              <a:gd name="connsiteX356" fmla="*/ 3134764 w 12193196"/>
              <a:gd name="connsiteY356" fmla="*/ 573480 h 6861598"/>
              <a:gd name="connsiteX357" fmla="*/ 3175422 w 12193196"/>
              <a:gd name="connsiteY357" fmla="*/ 560580 h 6861598"/>
              <a:gd name="connsiteX358" fmla="*/ 3190236 w 12193196"/>
              <a:gd name="connsiteY358" fmla="*/ 526037 h 6861598"/>
              <a:gd name="connsiteX359" fmla="*/ 3187316 w 12193196"/>
              <a:gd name="connsiteY359" fmla="*/ 508874 h 6861598"/>
              <a:gd name="connsiteX360" fmla="*/ 3180558 w 12193196"/>
              <a:gd name="connsiteY360" fmla="*/ 496568 h 6861598"/>
              <a:gd name="connsiteX361" fmla="*/ 3207916 w 12193196"/>
              <a:gd name="connsiteY361" fmla="*/ 493383 h 6861598"/>
              <a:gd name="connsiteX362" fmla="*/ 3207916 w 12193196"/>
              <a:gd name="connsiteY362" fmla="*/ 478972 h 6861598"/>
              <a:gd name="connsiteX363" fmla="*/ 3157039 w 12193196"/>
              <a:gd name="connsiteY363" fmla="*/ 478972 h 6861598"/>
              <a:gd name="connsiteX364" fmla="*/ 3136170 w 12193196"/>
              <a:gd name="connsiteY364" fmla="*/ 476274 h 6861598"/>
              <a:gd name="connsiteX365" fmla="*/ 2802907 w 12193196"/>
              <a:gd name="connsiteY365" fmla="*/ 476273 h 6861598"/>
              <a:gd name="connsiteX366" fmla="*/ 2777658 w 12193196"/>
              <a:gd name="connsiteY366" fmla="*/ 484100 h 6861598"/>
              <a:gd name="connsiteX367" fmla="*/ 2757599 w 12193196"/>
              <a:gd name="connsiteY367" fmla="*/ 506283 h 6861598"/>
              <a:gd name="connsiteX368" fmla="*/ 2756518 w 12193196"/>
              <a:gd name="connsiteY368" fmla="*/ 506283 h 6861598"/>
              <a:gd name="connsiteX369" fmla="*/ 2753978 w 12193196"/>
              <a:gd name="connsiteY369" fmla="*/ 478972 h 6861598"/>
              <a:gd name="connsiteX370" fmla="*/ 2735540 w 12193196"/>
              <a:gd name="connsiteY370" fmla="*/ 478972 h 6861598"/>
              <a:gd name="connsiteX371" fmla="*/ 2735540 w 12193196"/>
              <a:gd name="connsiteY371" fmla="*/ 626266 h 6861598"/>
              <a:gd name="connsiteX372" fmla="*/ 2757869 w 12193196"/>
              <a:gd name="connsiteY372" fmla="*/ 626266 h 6861598"/>
              <a:gd name="connsiteX373" fmla="*/ 2757869 w 12193196"/>
              <a:gd name="connsiteY373" fmla="*/ 547410 h 6861598"/>
              <a:gd name="connsiteX374" fmla="*/ 2770629 w 12193196"/>
              <a:gd name="connsiteY374" fmla="*/ 511248 h 6861598"/>
              <a:gd name="connsiteX375" fmla="*/ 2801230 w 12193196"/>
              <a:gd name="connsiteY375" fmla="*/ 496729 h 6861598"/>
              <a:gd name="connsiteX376" fmla="*/ 2817450 w 12193196"/>
              <a:gd name="connsiteY376" fmla="*/ 498780 h 6861598"/>
              <a:gd name="connsiteX377" fmla="*/ 2820532 w 12193196"/>
              <a:gd name="connsiteY377" fmla="*/ 477893 h 6861598"/>
              <a:gd name="connsiteX378" fmla="*/ 2802907 w 12193196"/>
              <a:gd name="connsiteY378" fmla="*/ 476274 h 6861598"/>
              <a:gd name="connsiteX379" fmla="*/ 2085015 w 12193196"/>
              <a:gd name="connsiteY379" fmla="*/ 476059 h 6861598"/>
              <a:gd name="connsiteX380" fmla="*/ 2043818 w 12193196"/>
              <a:gd name="connsiteY380" fmla="*/ 489174 h 6861598"/>
              <a:gd name="connsiteX381" fmla="*/ 2029274 w 12193196"/>
              <a:gd name="connsiteY381" fmla="*/ 526470 h 6861598"/>
              <a:gd name="connsiteX382" fmla="*/ 2036465 w 12193196"/>
              <a:gd name="connsiteY382" fmla="*/ 552268 h 6861598"/>
              <a:gd name="connsiteX383" fmla="*/ 2055118 w 12193196"/>
              <a:gd name="connsiteY383" fmla="*/ 568461 h 6861598"/>
              <a:gd name="connsiteX384" fmla="*/ 2041547 w 12193196"/>
              <a:gd name="connsiteY384" fmla="*/ 580119 h 6861598"/>
              <a:gd name="connsiteX385" fmla="*/ 2037222 w 12193196"/>
              <a:gd name="connsiteY385" fmla="*/ 594260 h 6861598"/>
              <a:gd name="connsiteX386" fmla="*/ 2041060 w 12193196"/>
              <a:gd name="connsiteY386" fmla="*/ 606728 h 6861598"/>
              <a:gd name="connsiteX387" fmla="*/ 2050414 w 12193196"/>
              <a:gd name="connsiteY387" fmla="*/ 614986 h 6861598"/>
              <a:gd name="connsiteX388" fmla="*/ 2026138 w 12193196"/>
              <a:gd name="connsiteY388" fmla="*/ 628317 h 6861598"/>
              <a:gd name="connsiteX389" fmla="*/ 2017704 w 12193196"/>
              <a:gd name="connsiteY389" fmla="*/ 651580 h 6861598"/>
              <a:gd name="connsiteX390" fmla="*/ 2033383 w 12193196"/>
              <a:gd name="connsiteY390" fmla="*/ 681912 h 6861598"/>
              <a:gd name="connsiteX391" fmla="*/ 2078042 w 12193196"/>
              <a:gd name="connsiteY391" fmla="*/ 692707 h 6861598"/>
              <a:gd name="connsiteX392" fmla="*/ 2135352 w 12193196"/>
              <a:gd name="connsiteY392" fmla="*/ 679862 h 6861598"/>
              <a:gd name="connsiteX393" fmla="*/ 2155033 w 12193196"/>
              <a:gd name="connsiteY393" fmla="*/ 642567 h 6861598"/>
              <a:gd name="connsiteX394" fmla="*/ 2142165 w 12193196"/>
              <a:gd name="connsiteY394" fmla="*/ 613259 h 6861598"/>
              <a:gd name="connsiteX395" fmla="*/ 2105346 w 12193196"/>
              <a:gd name="connsiteY395" fmla="*/ 603166 h 6861598"/>
              <a:gd name="connsiteX396" fmla="*/ 2079231 w 12193196"/>
              <a:gd name="connsiteY396" fmla="*/ 603166 h 6861598"/>
              <a:gd name="connsiteX397" fmla="*/ 2062146 w 12193196"/>
              <a:gd name="connsiteY397" fmla="*/ 600304 h 6861598"/>
              <a:gd name="connsiteX398" fmla="*/ 2057172 w 12193196"/>
              <a:gd name="connsiteY398" fmla="*/ 591346 h 6861598"/>
              <a:gd name="connsiteX399" fmla="*/ 2071392 w 12193196"/>
              <a:gd name="connsiteY399" fmla="*/ 572400 h 6861598"/>
              <a:gd name="connsiteX400" fmla="*/ 2083826 w 12193196"/>
              <a:gd name="connsiteY400" fmla="*/ 573481 h 6861598"/>
              <a:gd name="connsiteX401" fmla="*/ 2124486 w 12193196"/>
              <a:gd name="connsiteY401" fmla="*/ 560581 h 6861598"/>
              <a:gd name="connsiteX402" fmla="*/ 2139299 w 12193196"/>
              <a:gd name="connsiteY402" fmla="*/ 526038 h 6861598"/>
              <a:gd name="connsiteX403" fmla="*/ 2136325 w 12193196"/>
              <a:gd name="connsiteY403" fmla="*/ 508875 h 6861598"/>
              <a:gd name="connsiteX404" fmla="*/ 2129567 w 12193196"/>
              <a:gd name="connsiteY404" fmla="*/ 496569 h 6861598"/>
              <a:gd name="connsiteX405" fmla="*/ 2156925 w 12193196"/>
              <a:gd name="connsiteY405" fmla="*/ 493384 h 6861598"/>
              <a:gd name="connsiteX406" fmla="*/ 2156925 w 12193196"/>
              <a:gd name="connsiteY406" fmla="*/ 478973 h 6861598"/>
              <a:gd name="connsiteX407" fmla="*/ 2105887 w 12193196"/>
              <a:gd name="connsiteY407" fmla="*/ 478757 h 6861598"/>
              <a:gd name="connsiteX408" fmla="*/ 2085015 w 12193196"/>
              <a:gd name="connsiteY408" fmla="*/ 476059 h 6861598"/>
              <a:gd name="connsiteX409" fmla="*/ 1716934 w 12193196"/>
              <a:gd name="connsiteY409" fmla="*/ 429804 h 6861598"/>
              <a:gd name="connsiteX410" fmla="*/ 1716934 w 12193196"/>
              <a:gd name="connsiteY410" fmla="*/ 626267 h 6861598"/>
              <a:gd name="connsiteX411" fmla="*/ 1826634 w 12193196"/>
              <a:gd name="connsiteY411" fmla="*/ 626267 h 6861598"/>
              <a:gd name="connsiteX412" fmla="*/ 1826634 w 12193196"/>
              <a:gd name="connsiteY412" fmla="*/ 605865 h 6861598"/>
              <a:gd name="connsiteX413" fmla="*/ 1739588 w 12193196"/>
              <a:gd name="connsiteY413" fmla="*/ 605865 h 6861598"/>
              <a:gd name="connsiteX414" fmla="*/ 1739588 w 12193196"/>
              <a:gd name="connsiteY414" fmla="*/ 533541 h 6861598"/>
              <a:gd name="connsiteX415" fmla="*/ 1821174 w 12193196"/>
              <a:gd name="connsiteY415" fmla="*/ 533541 h 6861598"/>
              <a:gd name="connsiteX416" fmla="*/ 1821174 w 12193196"/>
              <a:gd name="connsiteY416" fmla="*/ 513409 h 6861598"/>
              <a:gd name="connsiteX417" fmla="*/ 1739588 w 12193196"/>
              <a:gd name="connsiteY417" fmla="*/ 513409 h 6861598"/>
              <a:gd name="connsiteX418" fmla="*/ 1739588 w 12193196"/>
              <a:gd name="connsiteY418" fmla="*/ 450206 h 6861598"/>
              <a:gd name="connsiteX419" fmla="*/ 1826634 w 12193196"/>
              <a:gd name="connsiteY419" fmla="*/ 450206 h 6861598"/>
              <a:gd name="connsiteX420" fmla="*/ 1826634 w 12193196"/>
              <a:gd name="connsiteY420" fmla="*/ 429804 h 6861598"/>
              <a:gd name="connsiteX421" fmla="*/ 2189094 w 12193196"/>
              <a:gd name="connsiteY421" fmla="*/ 427859 h 6861598"/>
              <a:gd name="connsiteX422" fmla="*/ 2185309 w 12193196"/>
              <a:gd name="connsiteY422" fmla="*/ 439086 h 6861598"/>
              <a:gd name="connsiteX423" fmla="*/ 2189094 w 12193196"/>
              <a:gd name="connsiteY423" fmla="*/ 450204 h 6861598"/>
              <a:gd name="connsiteX424" fmla="*/ 2207801 w 12193196"/>
              <a:gd name="connsiteY424" fmla="*/ 450204 h 6861598"/>
              <a:gd name="connsiteX425" fmla="*/ 2211694 w 12193196"/>
              <a:gd name="connsiteY425" fmla="*/ 439033 h 6861598"/>
              <a:gd name="connsiteX426" fmla="*/ 2207801 w 12193196"/>
              <a:gd name="connsiteY426" fmla="*/ 427859 h 6861598"/>
              <a:gd name="connsiteX427" fmla="*/ 2189094 w 12193196"/>
              <a:gd name="connsiteY427" fmla="*/ 427859 h 6861598"/>
              <a:gd name="connsiteX428" fmla="*/ 2859460 w 12193196"/>
              <a:gd name="connsiteY428" fmla="*/ 424298 h 6861598"/>
              <a:gd name="connsiteX429" fmla="*/ 2850052 w 12193196"/>
              <a:gd name="connsiteY429" fmla="*/ 427860 h 6861598"/>
              <a:gd name="connsiteX430" fmla="*/ 2846267 w 12193196"/>
              <a:gd name="connsiteY430" fmla="*/ 439086 h 6861598"/>
              <a:gd name="connsiteX431" fmla="*/ 2850052 w 12193196"/>
              <a:gd name="connsiteY431" fmla="*/ 450313 h 6861598"/>
              <a:gd name="connsiteX432" fmla="*/ 2859460 w 12193196"/>
              <a:gd name="connsiteY432" fmla="*/ 453983 h 6861598"/>
              <a:gd name="connsiteX433" fmla="*/ 2868759 w 12193196"/>
              <a:gd name="connsiteY433" fmla="*/ 450313 h 6861598"/>
              <a:gd name="connsiteX434" fmla="*/ 2872652 w 12193196"/>
              <a:gd name="connsiteY434" fmla="*/ 439086 h 6861598"/>
              <a:gd name="connsiteX435" fmla="*/ 2868759 w 12193196"/>
              <a:gd name="connsiteY435" fmla="*/ 427914 h 6861598"/>
              <a:gd name="connsiteX436" fmla="*/ 2859460 w 12193196"/>
              <a:gd name="connsiteY436" fmla="*/ 424298 h 6861598"/>
              <a:gd name="connsiteX437" fmla="*/ 376999 w 12193196"/>
              <a:gd name="connsiteY437" fmla="*/ 311072 h 6861598"/>
              <a:gd name="connsiteX438" fmla="*/ 301430 w 12193196"/>
              <a:gd name="connsiteY438" fmla="*/ 386641 h 6861598"/>
              <a:gd name="connsiteX439" fmla="*/ 301430 w 12193196"/>
              <a:gd name="connsiteY439" fmla="*/ 960386 h 6861598"/>
              <a:gd name="connsiteX440" fmla="*/ 376999 w 12193196"/>
              <a:gd name="connsiteY440" fmla="*/ 1035955 h 6861598"/>
              <a:gd name="connsiteX441" fmla="*/ 1497644 w 12193196"/>
              <a:gd name="connsiteY441" fmla="*/ 1035955 h 6861598"/>
              <a:gd name="connsiteX442" fmla="*/ 1573213 w 12193196"/>
              <a:gd name="connsiteY442" fmla="*/ 960386 h 6861598"/>
              <a:gd name="connsiteX443" fmla="*/ 1573213 w 12193196"/>
              <a:gd name="connsiteY443" fmla="*/ 386641 h 6861598"/>
              <a:gd name="connsiteX444" fmla="*/ 1497644 w 12193196"/>
              <a:gd name="connsiteY444" fmla="*/ 311072 h 6861598"/>
              <a:gd name="connsiteX445" fmla="*/ 0 w 12193196"/>
              <a:gd name="connsiteY445" fmla="*/ 0 h 6861598"/>
              <a:gd name="connsiteX446" fmla="*/ 11867250 w 12193196"/>
              <a:gd name="connsiteY446" fmla="*/ 0 h 6861598"/>
              <a:gd name="connsiteX447" fmla="*/ 11867250 w 12193196"/>
              <a:gd name="connsiteY447" fmla="*/ 2037600 h 6861598"/>
              <a:gd name="connsiteX448" fmla="*/ 11881650 w 12193196"/>
              <a:gd name="connsiteY448" fmla="*/ 2037600 h 6861598"/>
              <a:gd name="connsiteX449" fmla="*/ 11881650 w 12193196"/>
              <a:gd name="connsiteY449" fmla="*/ 0 h 6861598"/>
              <a:gd name="connsiteX450" fmla="*/ 12193196 w 12193196"/>
              <a:gd name="connsiteY450" fmla="*/ 0 h 6861598"/>
              <a:gd name="connsiteX451" fmla="*/ 12193196 w 12193196"/>
              <a:gd name="connsiteY451" fmla="*/ 6861598 h 6861598"/>
              <a:gd name="connsiteX452" fmla="*/ 0 w 12193196"/>
              <a:gd name="connsiteY452" fmla="*/ 6861598 h 6861598"/>
              <a:gd name="connsiteX453" fmla="*/ 0 w 12193196"/>
              <a:gd name="connsiteY453" fmla="*/ 6541141 h 6861598"/>
              <a:gd name="connsiteX454" fmla="*/ 9709193 w 12193196"/>
              <a:gd name="connsiteY454" fmla="*/ 6541141 h 6861598"/>
              <a:gd name="connsiteX455" fmla="*/ 9709193 w 12193196"/>
              <a:gd name="connsiteY455" fmla="*/ 6526741 h 6861598"/>
              <a:gd name="connsiteX456" fmla="*/ 0 w 12193196"/>
              <a:gd name="connsiteY456" fmla="*/ 6526741 h 6861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Lst>
            <a:rect l="l" t="t" r="r" b="b"/>
            <a:pathLst>
              <a:path w="12193196" h="6861598">
                <a:moveTo>
                  <a:pt x="11860221" y="5768017"/>
                </a:moveTo>
                <a:lnTo>
                  <a:pt x="11860221" y="6526741"/>
                </a:lnTo>
                <a:lnTo>
                  <a:pt x="11583390" y="6526741"/>
                </a:lnTo>
                <a:lnTo>
                  <a:pt x="11583390" y="6541141"/>
                </a:lnTo>
                <a:lnTo>
                  <a:pt x="11860221" y="6541141"/>
                </a:lnTo>
                <a:lnTo>
                  <a:pt x="11860221" y="6542017"/>
                </a:lnTo>
                <a:lnTo>
                  <a:pt x="11874621" y="6542017"/>
                </a:lnTo>
                <a:lnTo>
                  <a:pt x="11874621" y="5768017"/>
                </a:lnTo>
                <a:close/>
                <a:moveTo>
                  <a:pt x="6206395" y="2246399"/>
                </a:moveTo>
                <a:lnTo>
                  <a:pt x="6206395" y="5342398"/>
                </a:lnTo>
                <a:lnTo>
                  <a:pt x="6411595" y="5342398"/>
                </a:lnTo>
                <a:lnTo>
                  <a:pt x="6411595" y="5556635"/>
                </a:lnTo>
                <a:lnTo>
                  <a:pt x="12193195" y="5556635"/>
                </a:lnTo>
                <a:lnTo>
                  <a:pt x="12193195" y="5342398"/>
                </a:lnTo>
                <a:lnTo>
                  <a:pt x="12193195" y="4265998"/>
                </a:lnTo>
                <a:lnTo>
                  <a:pt x="12193195" y="2246399"/>
                </a:lnTo>
                <a:close/>
                <a:moveTo>
                  <a:pt x="2578369" y="914375"/>
                </a:moveTo>
                <a:lnTo>
                  <a:pt x="2605402" y="914375"/>
                </a:lnTo>
                <a:cubicBezTo>
                  <a:pt x="2619080" y="914375"/>
                  <a:pt x="2628326" y="915940"/>
                  <a:pt x="2633300" y="919016"/>
                </a:cubicBezTo>
                <a:cubicBezTo>
                  <a:pt x="2638585" y="922824"/>
                  <a:pt x="2641413" y="929172"/>
                  <a:pt x="2640707" y="935640"/>
                </a:cubicBezTo>
                <a:cubicBezTo>
                  <a:pt x="2640732" y="945149"/>
                  <a:pt x="2635519" y="953901"/>
                  <a:pt x="2627136" y="958417"/>
                </a:cubicBezTo>
                <a:cubicBezTo>
                  <a:pt x="2617945" y="964030"/>
                  <a:pt x="2604265" y="966783"/>
                  <a:pt x="2585505" y="966783"/>
                </a:cubicBezTo>
                <a:cubicBezTo>
                  <a:pt x="2575467" y="967363"/>
                  <a:pt x="2565458" y="965238"/>
                  <a:pt x="2556526" y="960630"/>
                </a:cubicBezTo>
                <a:cubicBezTo>
                  <a:pt x="2550065" y="956913"/>
                  <a:pt x="2546194" y="949933"/>
                  <a:pt x="2546469" y="942495"/>
                </a:cubicBezTo>
                <a:lnTo>
                  <a:pt x="2546577" y="942495"/>
                </a:lnTo>
                <a:cubicBezTo>
                  <a:pt x="2545981" y="934693"/>
                  <a:pt x="2548939" y="927039"/>
                  <a:pt x="2554633" y="921661"/>
                </a:cubicBezTo>
                <a:cubicBezTo>
                  <a:pt x="2561400" y="916443"/>
                  <a:pt x="2569834" y="913854"/>
                  <a:pt x="2578369" y="914375"/>
                </a:cubicBezTo>
                <a:close/>
                <a:moveTo>
                  <a:pt x="1761482" y="822621"/>
                </a:moveTo>
                <a:lnTo>
                  <a:pt x="1820685" y="879724"/>
                </a:lnTo>
                <a:cubicBezTo>
                  <a:pt x="1806198" y="893620"/>
                  <a:pt x="1786698" y="901076"/>
                  <a:pt x="1766619" y="900396"/>
                </a:cubicBezTo>
                <a:cubicBezTo>
                  <a:pt x="1756466" y="900899"/>
                  <a:pt x="1746494" y="897587"/>
                  <a:pt x="1738666" y="891113"/>
                </a:cubicBezTo>
                <a:cubicBezTo>
                  <a:pt x="1731621" y="884782"/>
                  <a:pt x="1727791" y="875630"/>
                  <a:pt x="1728232" y="866177"/>
                </a:cubicBezTo>
                <a:cubicBezTo>
                  <a:pt x="1728126" y="860828"/>
                  <a:pt x="1729139" y="855515"/>
                  <a:pt x="1731205" y="850579"/>
                </a:cubicBezTo>
                <a:cubicBezTo>
                  <a:pt x="1733360" y="845730"/>
                  <a:pt x="1736467" y="841362"/>
                  <a:pt x="1740343" y="837733"/>
                </a:cubicBezTo>
                <a:cubicBezTo>
                  <a:pt x="1746866" y="832003"/>
                  <a:pt x="1753948" y="826941"/>
                  <a:pt x="1761482" y="822621"/>
                </a:cubicBezTo>
                <a:close/>
                <a:moveTo>
                  <a:pt x="2243753" y="786403"/>
                </a:moveTo>
                <a:cubicBezTo>
                  <a:pt x="2254028" y="785741"/>
                  <a:pt x="2264031" y="789867"/>
                  <a:pt x="2270840" y="797576"/>
                </a:cubicBezTo>
                <a:cubicBezTo>
                  <a:pt x="2277697" y="806928"/>
                  <a:pt x="2281028" y="818396"/>
                  <a:pt x="2280247" y="829960"/>
                </a:cubicBezTo>
                <a:lnTo>
                  <a:pt x="2202933" y="829960"/>
                </a:lnTo>
                <a:cubicBezTo>
                  <a:pt x="2203445" y="818225"/>
                  <a:pt x="2207837" y="806990"/>
                  <a:pt x="2215422" y="798008"/>
                </a:cubicBezTo>
                <a:cubicBezTo>
                  <a:pt x="2222700" y="790174"/>
                  <a:pt x="2233060" y="785931"/>
                  <a:pt x="2243753" y="786403"/>
                </a:cubicBezTo>
                <a:close/>
                <a:moveTo>
                  <a:pt x="2591290" y="784029"/>
                </a:moveTo>
                <a:cubicBezTo>
                  <a:pt x="2613348" y="784029"/>
                  <a:pt x="2624379" y="795094"/>
                  <a:pt x="2624379" y="817223"/>
                </a:cubicBezTo>
                <a:cubicBezTo>
                  <a:pt x="2624379" y="838110"/>
                  <a:pt x="2613295" y="848905"/>
                  <a:pt x="2591669" y="848905"/>
                </a:cubicBezTo>
                <a:cubicBezTo>
                  <a:pt x="2582850" y="849460"/>
                  <a:pt x="2574151" y="846643"/>
                  <a:pt x="2567339" y="841025"/>
                </a:cubicBezTo>
                <a:cubicBezTo>
                  <a:pt x="2561151" y="834857"/>
                  <a:pt x="2557955" y="826308"/>
                  <a:pt x="2558579" y="817600"/>
                </a:cubicBezTo>
                <a:lnTo>
                  <a:pt x="2558687" y="817600"/>
                </a:lnTo>
                <a:cubicBezTo>
                  <a:pt x="2557955" y="808446"/>
                  <a:pt x="2560980" y="799387"/>
                  <a:pt x="2567069" y="792503"/>
                </a:cubicBezTo>
                <a:cubicBezTo>
                  <a:pt x="2573632" y="786474"/>
                  <a:pt x="2582393" y="783409"/>
                  <a:pt x="2591290" y="784029"/>
                </a:cubicBezTo>
                <a:close/>
                <a:moveTo>
                  <a:pt x="2473696" y="770428"/>
                </a:moveTo>
                <a:lnTo>
                  <a:pt x="2473696" y="917721"/>
                </a:lnTo>
                <a:lnTo>
                  <a:pt x="2496080" y="917721"/>
                </a:lnTo>
                <a:lnTo>
                  <a:pt x="2496080" y="770428"/>
                </a:lnTo>
                <a:close/>
                <a:moveTo>
                  <a:pt x="2387623" y="767892"/>
                </a:moveTo>
                <a:cubicBezTo>
                  <a:pt x="2373441" y="767129"/>
                  <a:pt x="2359371" y="770767"/>
                  <a:pt x="2347344" y="778308"/>
                </a:cubicBezTo>
                <a:cubicBezTo>
                  <a:pt x="2337912" y="784668"/>
                  <a:pt x="2332386" y="795395"/>
                  <a:pt x="2332692" y="806752"/>
                </a:cubicBezTo>
                <a:cubicBezTo>
                  <a:pt x="2332518" y="812800"/>
                  <a:pt x="2333975" y="818784"/>
                  <a:pt x="2336909" y="824078"/>
                </a:cubicBezTo>
                <a:cubicBezTo>
                  <a:pt x="2340170" y="829356"/>
                  <a:pt x="2344612" y="833808"/>
                  <a:pt x="2349885" y="837085"/>
                </a:cubicBezTo>
                <a:cubicBezTo>
                  <a:pt x="2359154" y="842513"/>
                  <a:pt x="2368955" y="846980"/>
                  <a:pt x="2379135" y="850417"/>
                </a:cubicBezTo>
                <a:cubicBezTo>
                  <a:pt x="2389467" y="853883"/>
                  <a:pt x="2399272" y="858750"/>
                  <a:pt x="2408276" y="864882"/>
                </a:cubicBezTo>
                <a:cubicBezTo>
                  <a:pt x="2410246" y="866386"/>
                  <a:pt x="2411904" y="868258"/>
                  <a:pt x="2413160" y="870393"/>
                </a:cubicBezTo>
                <a:cubicBezTo>
                  <a:pt x="2418528" y="879517"/>
                  <a:pt x="2415470" y="891259"/>
                  <a:pt x="2406330" y="896618"/>
                </a:cubicBezTo>
                <a:cubicBezTo>
                  <a:pt x="2397952" y="900759"/>
                  <a:pt x="2388627" y="902621"/>
                  <a:pt x="2379297" y="902015"/>
                </a:cubicBezTo>
                <a:cubicBezTo>
                  <a:pt x="2371378" y="901964"/>
                  <a:pt x="2363496" y="900931"/>
                  <a:pt x="2355832" y="898939"/>
                </a:cubicBezTo>
                <a:cubicBezTo>
                  <a:pt x="2347937" y="896963"/>
                  <a:pt x="2340285" y="894121"/>
                  <a:pt x="2333016" y="890465"/>
                </a:cubicBezTo>
                <a:lnTo>
                  <a:pt x="2333016" y="911137"/>
                </a:lnTo>
                <a:cubicBezTo>
                  <a:pt x="2343938" y="917326"/>
                  <a:pt x="2359184" y="920420"/>
                  <a:pt x="2378756" y="920420"/>
                </a:cubicBezTo>
                <a:cubicBezTo>
                  <a:pt x="2397355" y="920420"/>
                  <a:pt x="2411773" y="916714"/>
                  <a:pt x="2422009" y="909302"/>
                </a:cubicBezTo>
                <a:cubicBezTo>
                  <a:pt x="2432174" y="901995"/>
                  <a:pt x="2437951" y="890055"/>
                  <a:pt x="2437364" y="877565"/>
                </a:cubicBezTo>
                <a:cubicBezTo>
                  <a:pt x="2437636" y="868512"/>
                  <a:pt x="2434268" y="859727"/>
                  <a:pt x="2428011" y="853169"/>
                </a:cubicBezTo>
                <a:cubicBezTo>
                  <a:pt x="2421883" y="846728"/>
                  <a:pt x="2410061" y="840324"/>
                  <a:pt x="2392543" y="833955"/>
                </a:cubicBezTo>
                <a:cubicBezTo>
                  <a:pt x="2383699" y="830931"/>
                  <a:pt x="2375066" y="827325"/>
                  <a:pt x="2366700" y="823160"/>
                </a:cubicBezTo>
                <a:cubicBezTo>
                  <a:pt x="2362912" y="821261"/>
                  <a:pt x="2359589" y="818552"/>
                  <a:pt x="2356968" y="815226"/>
                </a:cubicBezTo>
                <a:cubicBezTo>
                  <a:pt x="2354852" y="812314"/>
                  <a:pt x="2353768" y="808782"/>
                  <a:pt x="2353886" y="805187"/>
                </a:cubicBezTo>
                <a:cubicBezTo>
                  <a:pt x="2353813" y="799464"/>
                  <a:pt x="2356941" y="794178"/>
                  <a:pt x="2361996" y="791478"/>
                </a:cubicBezTo>
                <a:cubicBezTo>
                  <a:pt x="2369378" y="787674"/>
                  <a:pt x="2377656" y="785939"/>
                  <a:pt x="2385947" y="786458"/>
                </a:cubicBezTo>
                <a:cubicBezTo>
                  <a:pt x="2399843" y="786874"/>
                  <a:pt x="2413525" y="789991"/>
                  <a:pt x="2426226" y="795634"/>
                </a:cubicBezTo>
                <a:lnTo>
                  <a:pt x="2434228" y="777607"/>
                </a:lnTo>
                <a:cubicBezTo>
                  <a:pt x="2419520" y="771228"/>
                  <a:pt x="2403659" y="767922"/>
                  <a:pt x="2387623" y="767892"/>
                </a:cubicBezTo>
                <a:close/>
                <a:moveTo>
                  <a:pt x="2244023" y="767730"/>
                </a:moveTo>
                <a:cubicBezTo>
                  <a:pt x="2225877" y="767027"/>
                  <a:pt x="2208435" y="774787"/>
                  <a:pt x="2196823" y="788724"/>
                </a:cubicBezTo>
                <a:cubicBezTo>
                  <a:pt x="2185109" y="802685"/>
                  <a:pt x="2179252" y="821541"/>
                  <a:pt x="2179252" y="845288"/>
                </a:cubicBezTo>
                <a:cubicBezTo>
                  <a:pt x="2179071" y="868894"/>
                  <a:pt x="2185379" y="887316"/>
                  <a:pt x="2198175" y="900558"/>
                </a:cubicBezTo>
                <a:cubicBezTo>
                  <a:pt x="2210971" y="913799"/>
                  <a:pt x="2228182" y="920419"/>
                  <a:pt x="2249808" y="920419"/>
                </a:cubicBezTo>
                <a:cubicBezTo>
                  <a:pt x="2258368" y="920565"/>
                  <a:pt x="2266921" y="919824"/>
                  <a:pt x="2275327" y="918206"/>
                </a:cubicBezTo>
                <a:cubicBezTo>
                  <a:pt x="2283031" y="916530"/>
                  <a:pt x="2290547" y="914089"/>
                  <a:pt x="2297765" y="910921"/>
                </a:cubicBezTo>
                <a:lnTo>
                  <a:pt x="2297765" y="891004"/>
                </a:lnTo>
                <a:cubicBezTo>
                  <a:pt x="2282893" y="897491"/>
                  <a:pt x="2266848" y="900870"/>
                  <a:pt x="2250619" y="900936"/>
                </a:cubicBezTo>
                <a:cubicBezTo>
                  <a:pt x="2237529" y="901716"/>
                  <a:pt x="2224738" y="896817"/>
                  <a:pt x="2215530" y="887497"/>
                </a:cubicBezTo>
                <a:cubicBezTo>
                  <a:pt x="2207240" y="878537"/>
                  <a:pt x="2202861" y="865421"/>
                  <a:pt x="2202392" y="848149"/>
                </a:cubicBezTo>
                <a:lnTo>
                  <a:pt x="2304145" y="848149"/>
                </a:lnTo>
                <a:lnTo>
                  <a:pt x="2304145" y="834008"/>
                </a:lnTo>
                <a:cubicBezTo>
                  <a:pt x="2304923" y="816538"/>
                  <a:pt x="2299139" y="799406"/>
                  <a:pt x="2287925" y="785973"/>
                </a:cubicBezTo>
                <a:cubicBezTo>
                  <a:pt x="2276758" y="773646"/>
                  <a:pt x="2260653" y="766953"/>
                  <a:pt x="2244023" y="767730"/>
                </a:cubicBezTo>
                <a:close/>
                <a:moveTo>
                  <a:pt x="2764355" y="767729"/>
                </a:moveTo>
                <a:cubicBezTo>
                  <a:pt x="2754825" y="767596"/>
                  <a:pt x="2745393" y="769645"/>
                  <a:pt x="2736781" y="773720"/>
                </a:cubicBezTo>
                <a:cubicBezTo>
                  <a:pt x="2728868" y="777382"/>
                  <a:pt x="2722184" y="783249"/>
                  <a:pt x="2717533" y="790614"/>
                </a:cubicBezTo>
                <a:lnTo>
                  <a:pt x="2716452" y="790614"/>
                </a:lnTo>
                <a:lnTo>
                  <a:pt x="2712776" y="770428"/>
                </a:lnTo>
                <a:lnTo>
                  <a:pt x="2694447" y="770428"/>
                </a:lnTo>
                <a:lnTo>
                  <a:pt x="2694447" y="917775"/>
                </a:lnTo>
                <a:lnTo>
                  <a:pt x="2716830" y="917775"/>
                </a:lnTo>
                <a:lnTo>
                  <a:pt x="2716830" y="840539"/>
                </a:lnTo>
                <a:cubicBezTo>
                  <a:pt x="2716830" y="821325"/>
                  <a:pt x="2720435" y="807561"/>
                  <a:pt x="2727644" y="799250"/>
                </a:cubicBezTo>
                <a:cubicBezTo>
                  <a:pt x="2734853" y="790938"/>
                  <a:pt x="2746152" y="786782"/>
                  <a:pt x="2761543" y="786782"/>
                </a:cubicBezTo>
                <a:cubicBezTo>
                  <a:pt x="2773221" y="786782"/>
                  <a:pt x="2781872" y="789696"/>
                  <a:pt x="2787279" y="795633"/>
                </a:cubicBezTo>
                <a:cubicBezTo>
                  <a:pt x="2793345" y="803264"/>
                  <a:pt x="2796283" y="812910"/>
                  <a:pt x="2795497" y="822620"/>
                </a:cubicBezTo>
                <a:lnTo>
                  <a:pt x="2795497" y="917721"/>
                </a:lnTo>
                <a:lnTo>
                  <a:pt x="2817934" y="917721"/>
                </a:lnTo>
                <a:lnTo>
                  <a:pt x="2817934" y="821648"/>
                </a:lnTo>
                <a:cubicBezTo>
                  <a:pt x="2817934" y="802812"/>
                  <a:pt x="2813447" y="789103"/>
                  <a:pt x="2804472" y="780575"/>
                </a:cubicBezTo>
                <a:cubicBezTo>
                  <a:pt x="2795497" y="772047"/>
                  <a:pt x="2782142" y="767729"/>
                  <a:pt x="2764355" y="767729"/>
                </a:cubicBezTo>
                <a:close/>
                <a:moveTo>
                  <a:pt x="2592101" y="767567"/>
                </a:moveTo>
                <a:cubicBezTo>
                  <a:pt x="2574367" y="767567"/>
                  <a:pt x="2560581" y="771939"/>
                  <a:pt x="2550902" y="780683"/>
                </a:cubicBezTo>
                <a:cubicBezTo>
                  <a:pt x="2540814" y="790386"/>
                  <a:pt x="2535497" y="804019"/>
                  <a:pt x="2536359" y="817978"/>
                </a:cubicBezTo>
                <a:cubicBezTo>
                  <a:pt x="2536209" y="827098"/>
                  <a:pt x="2538727" y="836064"/>
                  <a:pt x="2543604" y="843778"/>
                </a:cubicBezTo>
                <a:cubicBezTo>
                  <a:pt x="2547909" y="851021"/>
                  <a:pt x="2554429" y="856696"/>
                  <a:pt x="2562203" y="859970"/>
                </a:cubicBezTo>
                <a:cubicBezTo>
                  <a:pt x="2556948" y="862917"/>
                  <a:pt x="2552335" y="866880"/>
                  <a:pt x="2548632" y="871628"/>
                </a:cubicBezTo>
                <a:cubicBezTo>
                  <a:pt x="2545727" y="875765"/>
                  <a:pt x="2544211" y="880717"/>
                  <a:pt x="2544307" y="885769"/>
                </a:cubicBezTo>
                <a:cubicBezTo>
                  <a:pt x="2544223" y="890227"/>
                  <a:pt x="2545569" y="894595"/>
                  <a:pt x="2548145" y="898237"/>
                </a:cubicBezTo>
                <a:cubicBezTo>
                  <a:pt x="2550520" y="901709"/>
                  <a:pt x="2553814" y="904456"/>
                  <a:pt x="2557660" y="906171"/>
                </a:cubicBezTo>
                <a:cubicBezTo>
                  <a:pt x="2548345" y="907897"/>
                  <a:pt x="2539832" y="912571"/>
                  <a:pt x="2533385" y="919502"/>
                </a:cubicBezTo>
                <a:cubicBezTo>
                  <a:pt x="2527703" y="925908"/>
                  <a:pt x="2524635" y="934210"/>
                  <a:pt x="2524789" y="942765"/>
                </a:cubicBezTo>
                <a:cubicBezTo>
                  <a:pt x="2524317" y="954923"/>
                  <a:pt x="2530270" y="966436"/>
                  <a:pt x="2540468" y="973098"/>
                </a:cubicBezTo>
                <a:cubicBezTo>
                  <a:pt x="2550957" y="980294"/>
                  <a:pt x="2565842" y="983892"/>
                  <a:pt x="2585127" y="983892"/>
                </a:cubicBezTo>
                <a:cubicBezTo>
                  <a:pt x="2610212" y="983856"/>
                  <a:pt x="2629334" y="979575"/>
                  <a:pt x="2642490" y="971047"/>
                </a:cubicBezTo>
                <a:cubicBezTo>
                  <a:pt x="2655230" y="963118"/>
                  <a:pt x="2662756" y="948999"/>
                  <a:pt x="2662224" y="934021"/>
                </a:cubicBezTo>
                <a:cubicBezTo>
                  <a:pt x="2662936" y="922749"/>
                  <a:pt x="2658141" y="911831"/>
                  <a:pt x="2649356" y="904714"/>
                </a:cubicBezTo>
                <a:cubicBezTo>
                  <a:pt x="2640815" y="897985"/>
                  <a:pt x="2628542" y="894620"/>
                  <a:pt x="2612538" y="894620"/>
                </a:cubicBezTo>
                <a:lnTo>
                  <a:pt x="2586424" y="894620"/>
                </a:lnTo>
                <a:cubicBezTo>
                  <a:pt x="2580582" y="895035"/>
                  <a:pt x="2574726" y="894054"/>
                  <a:pt x="2569338" y="891760"/>
                </a:cubicBezTo>
                <a:cubicBezTo>
                  <a:pt x="2566092" y="889978"/>
                  <a:pt x="2564157" y="886494"/>
                  <a:pt x="2564364" y="882800"/>
                </a:cubicBezTo>
                <a:cubicBezTo>
                  <a:pt x="2564364" y="875208"/>
                  <a:pt x="2569123" y="868893"/>
                  <a:pt x="2578639" y="863856"/>
                </a:cubicBezTo>
                <a:cubicBezTo>
                  <a:pt x="2582725" y="864589"/>
                  <a:pt x="2586869" y="864950"/>
                  <a:pt x="2591020" y="864935"/>
                </a:cubicBezTo>
                <a:cubicBezTo>
                  <a:pt x="2605700" y="865767"/>
                  <a:pt x="2620173" y="861175"/>
                  <a:pt x="2631677" y="852035"/>
                </a:cubicBezTo>
                <a:cubicBezTo>
                  <a:pt x="2641573" y="843335"/>
                  <a:pt x="2647015" y="830646"/>
                  <a:pt x="2646492" y="817493"/>
                </a:cubicBezTo>
                <a:cubicBezTo>
                  <a:pt x="2646564" y="811638"/>
                  <a:pt x="2645557" y="805819"/>
                  <a:pt x="2643517" y="800329"/>
                </a:cubicBezTo>
                <a:cubicBezTo>
                  <a:pt x="2641874" y="795922"/>
                  <a:pt x="2639598" y="791777"/>
                  <a:pt x="2636760" y="788023"/>
                </a:cubicBezTo>
                <a:lnTo>
                  <a:pt x="2664117" y="784839"/>
                </a:lnTo>
                <a:lnTo>
                  <a:pt x="2664117" y="770428"/>
                </a:lnTo>
                <a:lnTo>
                  <a:pt x="2612970" y="770266"/>
                </a:lnTo>
                <a:cubicBezTo>
                  <a:pt x="2606176" y="768393"/>
                  <a:pt x="2599149" y="767484"/>
                  <a:pt x="2592101" y="767567"/>
                </a:cubicBezTo>
                <a:close/>
                <a:moveTo>
                  <a:pt x="2012728" y="741013"/>
                </a:moveTo>
                <a:lnTo>
                  <a:pt x="2045979" y="741013"/>
                </a:lnTo>
                <a:cubicBezTo>
                  <a:pt x="2071390" y="741013"/>
                  <a:pt x="2090529" y="747508"/>
                  <a:pt x="2103397" y="760498"/>
                </a:cubicBezTo>
                <a:cubicBezTo>
                  <a:pt x="2116265" y="773487"/>
                  <a:pt x="2122699" y="792792"/>
                  <a:pt x="2122699" y="818411"/>
                </a:cubicBezTo>
                <a:cubicBezTo>
                  <a:pt x="2122699" y="844822"/>
                  <a:pt x="2115833" y="864720"/>
                  <a:pt x="2102099" y="878106"/>
                </a:cubicBezTo>
                <a:cubicBezTo>
                  <a:pt x="2088367" y="891491"/>
                  <a:pt x="2067858" y="898184"/>
                  <a:pt x="2040572" y="898184"/>
                </a:cubicBezTo>
                <a:lnTo>
                  <a:pt x="2012728" y="898184"/>
                </a:lnTo>
                <a:close/>
                <a:moveTo>
                  <a:pt x="1772674" y="736587"/>
                </a:moveTo>
                <a:cubicBezTo>
                  <a:pt x="1779465" y="736254"/>
                  <a:pt x="1786118" y="738577"/>
                  <a:pt x="1791219" y="743064"/>
                </a:cubicBezTo>
                <a:cubicBezTo>
                  <a:pt x="1795835" y="747451"/>
                  <a:pt x="1798354" y="753598"/>
                  <a:pt x="1798139" y="759958"/>
                </a:cubicBezTo>
                <a:cubicBezTo>
                  <a:pt x="1798234" y="767116"/>
                  <a:pt x="1795825" y="774082"/>
                  <a:pt x="1791327" y="779658"/>
                </a:cubicBezTo>
                <a:cubicBezTo>
                  <a:pt x="1784406" y="787209"/>
                  <a:pt x="1776230" y="793509"/>
                  <a:pt x="1767159" y="798279"/>
                </a:cubicBezTo>
                <a:cubicBezTo>
                  <a:pt x="1760844" y="792225"/>
                  <a:pt x="1755289" y="785429"/>
                  <a:pt x="1750615" y="778039"/>
                </a:cubicBezTo>
                <a:cubicBezTo>
                  <a:pt x="1747438" y="772677"/>
                  <a:pt x="1745758" y="766564"/>
                  <a:pt x="1745749" y="760335"/>
                </a:cubicBezTo>
                <a:lnTo>
                  <a:pt x="1745587" y="760335"/>
                </a:lnTo>
                <a:cubicBezTo>
                  <a:pt x="1745322" y="753697"/>
                  <a:pt x="1748134" y="747306"/>
                  <a:pt x="1753210" y="743010"/>
                </a:cubicBezTo>
                <a:cubicBezTo>
                  <a:pt x="1758678" y="738537"/>
                  <a:pt x="1765614" y="736248"/>
                  <a:pt x="1772674" y="736587"/>
                </a:cubicBezTo>
                <a:close/>
                <a:moveTo>
                  <a:pt x="1989804" y="721259"/>
                </a:moveTo>
                <a:lnTo>
                  <a:pt x="1989804" y="917722"/>
                </a:lnTo>
                <a:lnTo>
                  <a:pt x="2044357" y="917722"/>
                </a:lnTo>
                <a:cubicBezTo>
                  <a:pt x="2077445" y="917830"/>
                  <a:pt x="2102820" y="909266"/>
                  <a:pt x="2120482" y="892031"/>
                </a:cubicBezTo>
                <a:cubicBezTo>
                  <a:pt x="2138144" y="874795"/>
                  <a:pt x="2146974" y="849986"/>
                  <a:pt x="2146974" y="817601"/>
                </a:cubicBezTo>
                <a:cubicBezTo>
                  <a:pt x="2146974" y="787196"/>
                  <a:pt x="2138487" y="763538"/>
                  <a:pt x="2121510" y="746626"/>
                </a:cubicBezTo>
                <a:cubicBezTo>
                  <a:pt x="2104532" y="729715"/>
                  <a:pt x="2080743" y="721259"/>
                  <a:pt x="2050142" y="721259"/>
                </a:cubicBezTo>
                <a:close/>
                <a:moveTo>
                  <a:pt x="1773485" y="718290"/>
                </a:moveTo>
                <a:cubicBezTo>
                  <a:pt x="1760257" y="717480"/>
                  <a:pt x="1747187" y="721510"/>
                  <a:pt x="1736720" y="729625"/>
                </a:cubicBezTo>
                <a:cubicBezTo>
                  <a:pt x="1727735" y="737526"/>
                  <a:pt x="1722874" y="749102"/>
                  <a:pt x="1723528" y="761037"/>
                </a:cubicBezTo>
                <a:cubicBezTo>
                  <a:pt x="1723513" y="766067"/>
                  <a:pt x="1724336" y="771065"/>
                  <a:pt x="1725961" y="775826"/>
                </a:cubicBezTo>
                <a:cubicBezTo>
                  <a:pt x="1727579" y="780633"/>
                  <a:pt x="1729756" y="785235"/>
                  <a:pt x="1732449" y="789535"/>
                </a:cubicBezTo>
                <a:cubicBezTo>
                  <a:pt x="1737137" y="796381"/>
                  <a:pt x="1742342" y="802858"/>
                  <a:pt x="1748020" y="808911"/>
                </a:cubicBezTo>
                <a:cubicBezTo>
                  <a:pt x="1735009" y="815383"/>
                  <a:pt x="1723555" y="824589"/>
                  <a:pt x="1714445" y="835898"/>
                </a:cubicBezTo>
                <a:cubicBezTo>
                  <a:pt x="1708156" y="844973"/>
                  <a:pt x="1704884" y="855792"/>
                  <a:pt x="1705091" y="866825"/>
                </a:cubicBezTo>
                <a:cubicBezTo>
                  <a:pt x="1704246" y="881709"/>
                  <a:pt x="1710094" y="896194"/>
                  <a:pt x="1721041" y="906333"/>
                </a:cubicBezTo>
                <a:cubicBezTo>
                  <a:pt x="1731638" y="915833"/>
                  <a:pt x="1746596" y="920582"/>
                  <a:pt x="1765916" y="920582"/>
                </a:cubicBezTo>
                <a:cubicBezTo>
                  <a:pt x="1791544" y="921329"/>
                  <a:pt x="1816392" y="911737"/>
                  <a:pt x="1834850" y="893973"/>
                </a:cubicBezTo>
                <a:lnTo>
                  <a:pt x="1859775" y="917884"/>
                </a:lnTo>
                <a:lnTo>
                  <a:pt x="1890592" y="917884"/>
                </a:lnTo>
                <a:lnTo>
                  <a:pt x="1850367" y="878807"/>
                </a:lnTo>
                <a:cubicBezTo>
                  <a:pt x="1862658" y="865565"/>
                  <a:pt x="1871849" y="846117"/>
                  <a:pt x="1877941" y="820462"/>
                </a:cubicBezTo>
                <a:lnTo>
                  <a:pt x="1855341" y="820462"/>
                </a:lnTo>
                <a:cubicBezTo>
                  <a:pt x="1853423" y="828810"/>
                  <a:pt x="1850874" y="837001"/>
                  <a:pt x="1847718" y="844966"/>
                </a:cubicBezTo>
                <a:cubicBezTo>
                  <a:pt x="1844891" y="852157"/>
                  <a:pt x="1840809" y="858790"/>
                  <a:pt x="1835661" y="864558"/>
                </a:cubicBezTo>
                <a:lnTo>
                  <a:pt x="1780892" y="811988"/>
                </a:lnTo>
                <a:cubicBezTo>
                  <a:pt x="1792464" y="805762"/>
                  <a:pt x="1802739" y="797391"/>
                  <a:pt x="1811169" y="787322"/>
                </a:cubicBezTo>
                <a:cubicBezTo>
                  <a:pt x="1817093" y="779734"/>
                  <a:pt x="1820309" y="770388"/>
                  <a:pt x="1820306" y="760767"/>
                </a:cubicBezTo>
                <a:cubicBezTo>
                  <a:pt x="1820956" y="749023"/>
                  <a:pt x="1816387" y="737589"/>
                  <a:pt x="1807817" y="729517"/>
                </a:cubicBezTo>
                <a:cubicBezTo>
                  <a:pt x="1798187" y="721611"/>
                  <a:pt x="1785934" y="717605"/>
                  <a:pt x="1773485" y="718290"/>
                </a:cubicBezTo>
                <a:close/>
                <a:moveTo>
                  <a:pt x="2484996" y="715753"/>
                </a:moveTo>
                <a:cubicBezTo>
                  <a:pt x="2481513" y="715659"/>
                  <a:pt x="2478133" y="716939"/>
                  <a:pt x="2475589" y="719315"/>
                </a:cubicBezTo>
                <a:cubicBezTo>
                  <a:pt x="2472827" y="722374"/>
                  <a:pt x="2471457" y="726438"/>
                  <a:pt x="2471804" y="730542"/>
                </a:cubicBezTo>
                <a:cubicBezTo>
                  <a:pt x="2471495" y="734640"/>
                  <a:pt x="2472860" y="738689"/>
                  <a:pt x="2475589" y="741768"/>
                </a:cubicBezTo>
                <a:cubicBezTo>
                  <a:pt x="2480860" y="746663"/>
                  <a:pt x="2489024" y="746663"/>
                  <a:pt x="2494296" y="741768"/>
                </a:cubicBezTo>
                <a:cubicBezTo>
                  <a:pt x="2497122" y="738739"/>
                  <a:pt x="2498552" y="734669"/>
                  <a:pt x="2498242" y="730542"/>
                </a:cubicBezTo>
                <a:cubicBezTo>
                  <a:pt x="2498564" y="726428"/>
                  <a:pt x="2497131" y="722371"/>
                  <a:pt x="2494296" y="719369"/>
                </a:cubicBezTo>
                <a:cubicBezTo>
                  <a:pt x="2491796" y="716984"/>
                  <a:pt x="2488453" y="715684"/>
                  <a:pt x="2484996" y="715753"/>
                </a:cubicBezTo>
                <a:close/>
                <a:moveTo>
                  <a:pt x="2071174" y="622920"/>
                </a:moveTo>
                <a:lnTo>
                  <a:pt x="2098208" y="622920"/>
                </a:lnTo>
                <a:cubicBezTo>
                  <a:pt x="2111834" y="622956"/>
                  <a:pt x="2121133" y="624504"/>
                  <a:pt x="2126108" y="627562"/>
                </a:cubicBezTo>
                <a:cubicBezTo>
                  <a:pt x="2131382" y="631375"/>
                  <a:pt x="2134191" y="637726"/>
                  <a:pt x="2133460" y="644186"/>
                </a:cubicBezTo>
                <a:cubicBezTo>
                  <a:pt x="2133509" y="653685"/>
                  <a:pt x="2128314" y="662441"/>
                  <a:pt x="2119943" y="666963"/>
                </a:cubicBezTo>
                <a:cubicBezTo>
                  <a:pt x="2110699" y="672575"/>
                  <a:pt x="2097019" y="675328"/>
                  <a:pt x="2078258" y="675328"/>
                </a:cubicBezTo>
                <a:cubicBezTo>
                  <a:pt x="2068238" y="675901"/>
                  <a:pt x="2058248" y="673776"/>
                  <a:pt x="2049332" y="669174"/>
                </a:cubicBezTo>
                <a:cubicBezTo>
                  <a:pt x="2042861" y="665463"/>
                  <a:pt x="2038970" y="658487"/>
                  <a:pt x="2039222" y="651040"/>
                </a:cubicBezTo>
                <a:cubicBezTo>
                  <a:pt x="2038748" y="643159"/>
                  <a:pt x="2041892" y="635493"/>
                  <a:pt x="2047764" y="630207"/>
                </a:cubicBezTo>
                <a:cubicBezTo>
                  <a:pt x="2054443" y="625058"/>
                  <a:pt x="2062750" y="622474"/>
                  <a:pt x="2071174" y="622920"/>
                </a:cubicBezTo>
                <a:close/>
                <a:moveTo>
                  <a:pt x="3122004" y="622919"/>
                </a:moveTo>
                <a:lnTo>
                  <a:pt x="3149037" y="622919"/>
                </a:lnTo>
                <a:cubicBezTo>
                  <a:pt x="3162662" y="622919"/>
                  <a:pt x="3171962" y="624485"/>
                  <a:pt x="3176881" y="627561"/>
                </a:cubicBezTo>
                <a:cubicBezTo>
                  <a:pt x="3182185" y="631353"/>
                  <a:pt x="3185019" y="637713"/>
                  <a:pt x="3184289" y="644185"/>
                </a:cubicBezTo>
                <a:cubicBezTo>
                  <a:pt x="3184338" y="653685"/>
                  <a:pt x="3179142" y="662441"/>
                  <a:pt x="3170772" y="666962"/>
                </a:cubicBezTo>
                <a:cubicBezTo>
                  <a:pt x="3161527" y="672575"/>
                  <a:pt x="3147848" y="675328"/>
                  <a:pt x="3129087" y="675328"/>
                </a:cubicBezTo>
                <a:cubicBezTo>
                  <a:pt x="3119120" y="675879"/>
                  <a:pt x="3109188" y="673755"/>
                  <a:pt x="3100324" y="669175"/>
                </a:cubicBezTo>
                <a:cubicBezTo>
                  <a:pt x="3093834" y="665481"/>
                  <a:pt x="3089938" y="658492"/>
                  <a:pt x="3090213" y="651040"/>
                </a:cubicBezTo>
                <a:cubicBezTo>
                  <a:pt x="3089607" y="643226"/>
                  <a:pt x="3092590" y="635560"/>
                  <a:pt x="3098323" y="630206"/>
                </a:cubicBezTo>
                <a:cubicBezTo>
                  <a:pt x="3105074" y="624996"/>
                  <a:pt x="3113487" y="622407"/>
                  <a:pt x="3122004" y="622919"/>
                </a:cubicBezTo>
                <a:close/>
                <a:moveTo>
                  <a:pt x="2482457" y="494948"/>
                </a:moveTo>
                <a:cubicBezTo>
                  <a:pt x="2492676" y="494336"/>
                  <a:pt x="2502608" y="498457"/>
                  <a:pt x="2509382" y="506121"/>
                </a:cubicBezTo>
                <a:cubicBezTo>
                  <a:pt x="2516257" y="515466"/>
                  <a:pt x="2519609" y="526935"/>
                  <a:pt x="2518843" y="538505"/>
                </a:cubicBezTo>
                <a:lnTo>
                  <a:pt x="2441691" y="538505"/>
                </a:lnTo>
                <a:cubicBezTo>
                  <a:pt x="2442184" y="526775"/>
                  <a:pt x="2446557" y="515539"/>
                  <a:pt x="2454126" y="506553"/>
                </a:cubicBezTo>
                <a:cubicBezTo>
                  <a:pt x="2461404" y="498719"/>
                  <a:pt x="2471764" y="494476"/>
                  <a:pt x="2482457" y="494948"/>
                </a:cubicBezTo>
                <a:close/>
                <a:moveTo>
                  <a:pt x="2637085" y="494948"/>
                </a:moveTo>
                <a:cubicBezTo>
                  <a:pt x="2647320" y="494344"/>
                  <a:pt x="2657264" y="498462"/>
                  <a:pt x="2664064" y="506121"/>
                </a:cubicBezTo>
                <a:cubicBezTo>
                  <a:pt x="2670921" y="515473"/>
                  <a:pt x="2674254" y="526941"/>
                  <a:pt x="2673472" y="538505"/>
                </a:cubicBezTo>
                <a:lnTo>
                  <a:pt x="2596320" y="538505"/>
                </a:lnTo>
                <a:cubicBezTo>
                  <a:pt x="2596813" y="526775"/>
                  <a:pt x="2601186" y="515539"/>
                  <a:pt x="2608754" y="506553"/>
                </a:cubicBezTo>
                <a:cubicBezTo>
                  <a:pt x="2616041" y="498731"/>
                  <a:pt x="2626395" y="494490"/>
                  <a:pt x="2637085" y="494948"/>
                </a:cubicBezTo>
                <a:close/>
                <a:moveTo>
                  <a:pt x="2083826" y="492575"/>
                </a:moveTo>
                <a:cubicBezTo>
                  <a:pt x="2105887" y="492575"/>
                  <a:pt x="2116915" y="503639"/>
                  <a:pt x="2116915" y="525768"/>
                </a:cubicBezTo>
                <a:cubicBezTo>
                  <a:pt x="2116915" y="546656"/>
                  <a:pt x="2106103" y="557451"/>
                  <a:pt x="2084475" y="557451"/>
                </a:cubicBezTo>
                <a:cubicBezTo>
                  <a:pt x="2075640" y="558003"/>
                  <a:pt x="2066926" y="555187"/>
                  <a:pt x="2060092" y="549570"/>
                </a:cubicBezTo>
                <a:cubicBezTo>
                  <a:pt x="2053903" y="543402"/>
                  <a:pt x="2050707" y="534853"/>
                  <a:pt x="2051333" y="526146"/>
                </a:cubicBezTo>
                <a:cubicBezTo>
                  <a:pt x="2050580" y="517016"/>
                  <a:pt x="2053543" y="507970"/>
                  <a:pt x="2059550" y="501048"/>
                </a:cubicBezTo>
                <a:cubicBezTo>
                  <a:pt x="2066148" y="495039"/>
                  <a:pt x="2074916" y="491978"/>
                  <a:pt x="2083826" y="492575"/>
                </a:cubicBezTo>
                <a:close/>
                <a:moveTo>
                  <a:pt x="3135034" y="492574"/>
                </a:moveTo>
                <a:cubicBezTo>
                  <a:pt x="3157129" y="492574"/>
                  <a:pt x="3168177" y="503638"/>
                  <a:pt x="3168177" y="525767"/>
                </a:cubicBezTo>
                <a:cubicBezTo>
                  <a:pt x="3168177" y="546655"/>
                  <a:pt x="3157093" y="557450"/>
                  <a:pt x="3135467" y="557450"/>
                </a:cubicBezTo>
                <a:cubicBezTo>
                  <a:pt x="3126631" y="558003"/>
                  <a:pt x="3117917" y="555186"/>
                  <a:pt x="3111083" y="549570"/>
                </a:cubicBezTo>
                <a:cubicBezTo>
                  <a:pt x="3104894" y="543401"/>
                  <a:pt x="3101699" y="534852"/>
                  <a:pt x="3102323" y="526145"/>
                </a:cubicBezTo>
                <a:cubicBezTo>
                  <a:pt x="3101645" y="516979"/>
                  <a:pt x="3104706" y="507927"/>
                  <a:pt x="3110813" y="501048"/>
                </a:cubicBezTo>
                <a:cubicBezTo>
                  <a:pt x="3117393" y="495047"/>
                  <a:pt x="3126140" y="491986"/>
                  <a:pt x="3135034" y="492574"/>
                </a:cubicBezTo>
                <a:close/>
                <a:moveTo>
                  <a:pt x="2847943" y="478973"/>
                </a:moveTo>
                <a:lnTo>
                  <a:pt x="2847943" y="626266"/>
                </a:lnTo>
                <a:lnTo>
                  <a:pt x="2870489" y="626266"/>
                </a:lnTo>
                <a:lnTo>
                  <a:pt x="2870273" y="478973"/>
                </a:lnTo>
                <a:close/>
                <a:moveTo>
                  <a:pt x="2187202" y="478972"/>
                </a:moveTo>
                <a:lnTo>
                  <a:pt x="2187202" y="626266"/>
                </a:lnTo>
                <a:lnTo>
                  <a:pt x="2209531" y="626266"/>
                </a:lnTo>
                <a:lnTo>
                  <a:pt x="2209531" y="478972"/>
                </a:lnTo>
                <a:close/>
                <a:moveTo>
                  <a:pt x="1936875" y="476275"/>
                </a:moveTo>
                <a:cubicBezTo>
                  <a:pt x="1927329" y="476141"/>
                  <a:pt x="1917878" y="478191"/>
                  <a:pt x="1909248" y="482266"/>
                </a:cubicBezTo>
                <a:cubicBezTo>
                  <a:pt x="1901344" y="485941"/>
                  <a:pt x="1894663" y="491805"/>
                  <a:pt x="1890000" y="499160"/>
                </a:cubicBezTo>
                <a:lnTo>
                  <a:pt x="1888919" y="499160"/>
                </a:lnTo>
                <a:lnTo>
                  <a:pt x="1885296" y="478974"/>
                </a:lnTo>
                <a:lnTo>
                  <a:pt x="1867130" y="478974"/>
                </a:lnTo>
                <a:lnTo>
                  <a:pt x="1867130" y="626267"/>
                </a:lnTo>
                <a:lnTo>
                  <a:pt x="1889459" y="626267"/>
                </a:lnTo>
                <a:lnTo>
                  <a:pt x="1889459" y="549031"/>
                </a:lnTo>
                <a:cubicBezTo>
                  <a:pt x="1889459" y="529817"/>
                  <a:pt x="1893136" y="516054"/>
                  <a:pt x="1900273" y="507742"/>
                </a:cubicBezTo>
                <a:cubicBezTo>
                  <a:pt x="1907445" y="499430"/>
                  <a:pt x="1918763" y="495274"/>
                  <a:pt x="1934226" y="495274"/>
                </a:cubicBezTo>
                <a:cubicBezTo>
                  <a:pt x="1943590" y="494543"/>
                  <a:pt x="1952831" y="497775"/>
                  <a:pt x="1959691" y="504179"/>
                </a:cubicBezTo>
                <a:cubicBezTo>
                  <a:pt x="1965758" y="511810"/>
                  <a:pt x="1968696" y="521456"/>
                  <a:pt x="1967909" y="531166"/>
                </a:cubicBezTo>
                <a:lnTo>
                  <a:pt x="1967909" y="626267"/>
                </a:lnTo>
                <a:lnTo>
                  <a:pt x="1990455" y="626267"/>
                </a:lnTo>
                <a:lnTo>
                  <a:pt x="1990455" y="530195"/>
                </a:lnTo>
                <a:cubicBezTo>
                  <a:pt x="1990455" y="511358"/>
                  <a:pt x="1985968" y="497649"/>
                  <a:pt x="1976993" y="489121"/>
                </a:cubicBezTo>
                <a:cubicBezTo>
                  <a:pt x="1968018" y="480593"/>
                  <a:pt x="1954609" y="476275"/>
                  <a:pt x="1936875" y="476275"/>
                </a:cubicBezTo>
                <a:close/>
                <a:moveTo>
                  <a:pt x="2482727" y="476274"/>
                </a:moveTo>
                <a:cubicBezTo>
                  <a:pt x="2464581" y="475572"/>
                  <a:pt x="2447139" y="483331"/>
                  <a:pt x="2435527" y="497269"/>
                </a:cubicBezTo>
                <a:cubicBezTo>
                  <a:pt x="2423813" y="511230"/>
                  <a:pt x="2417956" y="530085"/>
                  <a:pt x="2417956" y="553833"/>
                </a:cubicBezTo>
                <a:cubicBezTo>
                  <a:pt x="2417776" y="577438"/>
                  <a:pt x="2424083" y="595861"/>
                  <a:pt x="2436879" y="609102"/>
                </a:cubicBezTo>
                <a:cubicBezTo>
                  <a:pt x="2449675" y="622344"/>
                  <a:pt x="2466886" y="628964"/>
                  <a:pt x="2488512" y="628964"/>
                </a:cubicBezTo>
                <a:cubicBezTo>
                  <a:pt x="2497090" y="629116"/>
                  <a:pt x="2505661" y="628375"/>
                  <a:pt x="2514085" y="626751"/>
                </a:cubicBezTo>
                <a:cubicBezTo>
                  <a:pt x="2521791" y="625082"/>
                  <a:pt x="2529308" y="622641"/>
                  <a:pt x="2536523" y="619465"/>
                </a:cubicBezTo>
                <a:lnTo>
                  <a:pt x="2536523" y="599549"/>
                </a:lnTo>
                <a:cubicBezTo>
                  <a:pt x="2521651" y="606035"/>
                  <a:pt x="2505607" y="609415"/>
                  <a:pt x="2489377" y="609480"/>
                </a:cubicBezTo>
                <a:cubicBezTo>
                  <a:pt x="2476301" y="610274"/>
                  <a:pt x="2463521" y="605372"/>
                  <a:pt x="2454342" y="596041"/>
                </a:cubicBezTo>
                <a:cubicBezTo>
                  <a:pt x="2446016" y="587081"/>
                  <a:pt x="2441637" y="573965"/>
                  <a:pt x="2441204" y="556694"/>
                </a:cubicBezTo>
                <a:lnTo>
                  <a:pt x="2542849" y="556694"/>
                </a:lnTo>
                <a:lnTo>
                  <a:pt x="2542849" y="542553"/>
                </a:lnTo>
                <a:cubicBezTo>
                  <a:pt x="2543627" y="525083"/>
                  <a:pt x="2537843" y="507951"/>
                  <a:pt x="2526629" y="494517"/>
                </a:cubicBezTo>
                <a:cubicBezTo>
                  <a:pt x="2515461" y="482190"/>
                  <a:pt x="2499357" y="475498"/>
                  <a:pt x="2482727" y="476274"/>
                </a:cubicBezTo>
                <a:close/>
                <a:moveTo>
                  <a:pt x="2326692" y="476274"/>
                </a:moveTo>
                <a:cubicBezTo>
                  <a:pt x="2317146" y="476140"/>
                  <a:pt x="2307695" y="478190"/>
                  <a:pt x="2299065" y="482265"/>
                </a:cubicBezTo>
                <a:cubicBezTo>
                  <a:pt x="2291170" y="485955"/>
                  <a:pt x="2284494" y="491816"/>
                  <a:pt x="2279817" y="499159"/>
                </a:cubicBezTo>
                <a:lnTo>
                  <a:pt x="2278736" y="499159"/>
                </a:lnTo>
                <a:lnTo>
                  <a:pt x="2275113" y="478973"/>
                </a:lnTo>
                <a:lnTo>
                  <a:pt x="2256947" y="478973"/>
                </a:lnTo>
                <a:lnTo>
                  <a:pt x="2256947" y="626266"/>
                </a:lnTo>
                <a:lnTo>
                  <a:pt x="2279276" y="626266"/>
                </a:lnTo>
                <a:lnTo>
                  <a:pt x="2279276" y="549084"/>
                </a:lnTo>
                <a:cubicBezTo>
                  <a:pt x="2279276" y="529870"/>
                  <a:pt x="2282953" y="516107"/>
                  <a:pt x="2290090" y="507795"/>
                </a:cubicBezTo>
                <a:cubicBezTo>
                  <a:pt x="2297226" y="499483"/>
                  <a:pt x="2308580" y="495327"/>
                  <a:pt x="2323989" y="495327"/>
                </a:cubicBezTo>
                <a:cubicBezTo>
                  <a:pt x="2335667" y="495327"/>
                  <a:pt x="2344318" y="498241"/>
                  <a:pt x="2349725" y="504178"/>
                </a:cubicBezTo>
                <a:cubicBezTo>
                  <a:pt x="2355791" y="511809"/>
                  <a:pt x="2358729" y="521455"/>
                  <a:pt x="2357943" y="531165"/>
                </a:cubicBezTo>
                <a:lnTo>
                  <a:pt x="2357943" y="626266"/>
                </a:lnTo>
                <a:lnTo>
                  <a:pt x="2380272" y="626266"/>
                </a:lnTo>
                <a:lnTo>
                  <a:pt x="2380272" y="530194"/>
                </a:lnTo>
                <a:cubicBezTo>
                  <a:pt x="2380272" y="511357"/>
                  <a:pt x="2375785" y="497648"/>
                  <a:pt x="2366810" y="489120"/>
                </a:cubicBezTo>
                <a:cubicBezTo>
                  <a:pt x="2357835" y="480592"/>
                  <a:pt x="2344480" y="476274"/>
                  <a:pt x="2326692" y="476274"/>
                </a:cubicBezTo>
                <a:close/>
                <a:moveTo>
                  <a:pt x="2637409" y="476274"/>
                </a:moveTo>
                <a:cubicBezTo>
                  <a:pt x="2619277" y="475564"/>
                  <a:pt x="2601849" y="483326"/>
                  <a:pt x="2590265" y="497269"/>
                </a:cubicBezTo>
                <a:cubicBezTo>
                  <a:pt x="2578550" y="511230"/>
                  <a:pt x="2572692" y="530085"/>
                  <a:pt x="2572692" y="553833"/>
                </a:cubicBezTo>
                <a:cubicBezTo>
                  <a:pt x="2572656" y="577438"/>
                  <a:pt x="2578947" y="595861"/>
                  <a:pt x="2591561" y="609102"/>
                </a:cubicBezTo>
                <a:cubicBezTo>
                  <a:pt x="2604177" y="622344"/>
                  <a:pt x="2621406" y="628964"/>
                  <a:pt x="2643249" y="628964"/>
                </a:cubicBezTo>
                <a:cubicBezTo>
                  <a:pt x="2651792" y="629110"/>
                  <a:pt x="2660325" y="628369"/>
                  <a:pt x="2668714" y="626751"/>
                </a:cubicBezTo>
                <a:cubicBezTo>
                  <a:pt x="2676421" y="625090"/>
                  <a:pt x="2683940" y="622648"/>
                  <a:pt x="2691151" y="619465"/>
                </a:cubicBezTo>
                <a:lnTo>
                  <a:pt x="2691151" y="599549"/>
                </a:lnTo>
                <a:cubicBezTo>
                  <a:pt x="2676296" y="606028"/>
                  <a:pt x="2660271" y="609408"/>
                  <a:pt x="2644060" y="609480"/>
                </a:cubicBezTo>
                <a:cubicBezTo>
                  <a:pt x="2630986" y="610259"/>
                  <a:pt x="2618213" y="605359"/>
                  <a:pt x="2609025" y="596041"/>
                </a:cubicBezTo>
                <a:cubicBezTo>
                  <a:pt x="2600698" y="587081"/>
                  <a:pt x="2596320" y="573965"/>
                  <a:pt x="2595887" y="556694"/>
                </a:cubicBezTo>
                <a:lnTo>
                  <a:pt x="2697531" y="556694"/>
                </a:lnTo>
                <a:lnTo>
                  <a:pt x="2697531" y="542553"/>
                </a:lnTo>
                <a:cubicBezTo>
                  <a:pt x="2698310" y="525083"/>
                  <a:pt x="2692525" y="507951"/>
                  <a:pt x="2681312" y="494517"/>
                </a:cubicBezTo>
                <a:cubicBezTo>
                  <a:pt x="2670144" y="482190"/>
                  <a:pt x="2654039" y="475498"/>
                  <a:pt x="2637409" y="476274"/>
                </a:cubicBezTo>
                <a:close/>
                <a:moveTo>
                  <a:pt x="2987596" y="476274"/>
                </a:moveTo>
                <a:cubicBezTo>
                  <a:pt x="2978050" y="476140"/>
                  <a:pt x="2968599" y="478190"/>
                  <a:pt x="2959969" y="482265"/>
                </a:cubicBezTo>
                <a:cubicBezTo>
                  <a:pt x="2952065" y="485940"/>
                  <a:pt x="2945384" y="491804"/>
                  <a:pt x="2940721" y="499159"/>
                </a:cubicBezTo>
                <a:lnTo>
                  <a:pt x="2939640" y="499159"/>
                </a:lnTo>
                <a:lnTo>
                  <a:pt x="2936017" y="478973"/>
                </a:lnTo>
                <a:lnTo>
                  <a:pt x="2917851" y="478973"/>
                </a:lnTo>
                <a:lnTo>
                  <a:pt x="2917851" y="626266"/>
                </a:lnTo>
                <a:lnTo>
                  <a:pt x="2940180" y="626266"/>
                </a:lnTo>
                <a:lnTo>
                  <a:pt x="2940180" y="549084"/>
                </a:lnTo>
                <a:cubicBezTo>
                  <a:pt x="2940216" y="529870"/>
                  <a:pt x="2943821" y="516107"/>
                  <a:pt x="2950994" y="507795"/>
                </a:cubicBezTo>
                <a:cubicBezTo>
                  <a:pt x="2958166" y="499483"/>
                  <a:pt x="2969484" y="495327"/>
                  <a:pt x="2984947" y="495327"/>
                </a:cubicBezTo>
                <a:cubicBezTo>
                  <a:pt x="2996625" y="495327"/>
                  <a:pt x="3005222" y="498241"/>
                  <a:pt x="3010629" y="504178"/>
                </a:cubicBezTo>
                <a:cubicBezTo>
                  <a:pt x="3016720" y="511796"/>
                  <a:pt x="3019660" y="521452"/>
                  <a:pt x="3018847" y="531165"/>
                </a:cubicBezTo>
                <a:lnTo>
                  <a:pt x="3018847" y="626266"/>
                </a:lnTo>
                <a:lnTo>
                  <a:pt x="3041176" y="626266"/>
                </a:lnTo>
                <a:lnTo>
                  <a:pt x="3041176" y="530194"/>
                </a:lnTo>
                <a:cubicBezTo>
                  <a:pt x="3041176" y="511357"/>
                  <a:pt x="3036689" y="497648"/>
                  <a:pt x="3027714" y="489120"/>
                </a:cubicBezTo>
                <a:cubicBezTo>
                  <a:pt x="3018739" y="480592"/>
                  <a:pt x="3005330" y="476274"/>
                  <a:pt x="2987596" y="476274"/>
                </a:cubicBezTo>
                <a:close/>
                <a:moveTo>
                  <a:pt x="3136170" y="476274"/>
                </a:moveTo>
                <a:cubicBezTo>
                  <a:pt x="3118399" y="476274"/>
                  <a:pt x="3104666" y="480646"/>
                  <a:pt x="3094971" y="489389"/>
                </a:cubicBezTo>
                <a:cubicBezTo>
                  <a:pt x="3084863" y="499080"/>
                  <a:pt x="3079542" y="512722"/>
                  <a:pt x="3080426" y="526685"/>
                </a:cubicBezTo>
                <a:cubicBezTo>
                  <a:pt x="3080252" y="535711"/>
                  <a:pt x="3082693" y="544595"/>
                  <a:pt x="3087456" y="552268"/>
                </a:cubicBezTo>
                <a:cubicBezTo>
                  <a:pt x="3091797" y="559503"/>
                  <a:pt x="3098329" y="565173"/>
                  <a:pt x="3106109" y="568460"/>
                </a:cubicBezTo>
                <a:cubicBezTo>
                  <a:pt x="3100839" y="571409"/>
                  <a:pt x="3096208" y="575371"/>
                  <a:pt x="3092484" y="580118"/>
                </a:cubicBezTo>
                <a:cubicBezTo>
                  <a:pt x="3089594" y="584261"/>
                  <a:pt x="3088099" y="589213"/>
                  <a:pt x="3088213" y="594260"/>
                </a:cubicBezTo>
                <a:cubicBezTo>
                  <a:pt x="3088107" y="598721"/>
                  <a:pt x="3089454" y="603096"/>
                  <a:pt x="3092051" y="606727"/>
                </a:cubicBezTo>
                <a:cubicBezTo>
                  <a:pt x="3094375" y="610304"/>
                  <a:pt x="3097651" y="613164"/>
                  <a:pt x="3101513" y="614985"/>
                </a:cubicBezTo>
                <a:cubicBezTo>
                  <a:pt x="3092213" y="616711"/>
                  <a:pt x="3083717" y="621387"/>
                  <a:pt x="3077292" y="628317"/>
                </a:cubicBezTo>
                <a:cubicBezTo>
                  <a:pt x="3071712" y="634669"/>
                  <a:pt x="3068687" y="642861"/>
                  <a:pt x="3068802" y="651309"/>
                </a:cubicBezTo>
                <a:cubicBezTo>
                  <a:pt x="3068310" y="663472"/>
                  <a:pt x="3074268" y="674995"/>
                  <a:pt x="3084481" y="681642"/>
                </a:cubicBezTo>
                <a:cubicBezTo>
                  <a:pt x="3094899" y="688839"/>
                  <a:pt x="3109767" y="692437"/>
                  <a:pt x="3129087" y="692437"/>
                </a:cubicBezTo>
                <a:cubicBezTo>
                  <a:pt x="3154318" y="692401"/>
                  <a:pt x="3173331" y="688209"/>
                  <a:pt x="3186127" y="679861"/>
                </a:cubicBezTo>
                <a:cubicBezTo>
                  <a:pt x="3198941" y="671879"/>
                  <a:pt x="3206460" y="657630"/>
                  <a:pt x="3205807" y="642566"/>
                </a:cubicBezTo>
                <a:cubicBezTo>
                  <a:pt x="3206499" y="631297"/>
                  <a:pt x="3201709" y="620386"/>
                  <a:pt x="3192939" y="613258"/>
                </a:cubicBezTo>
                <a:cubicBezTo>
                  <a:pt x="3184361" y="606529"/>
                  <a:pt x="3172088" y="603165"/>
                  <a:pt x="3156120" y="603165"/>
                </a:cubicBezTo>
                <a:lnTo>
                  <a:pt x="3130221" y="603165"/>
                </a:lnTo>
                <a:cubicBezTo>
                  <a:pt x="3124363" y="603578"/>
                  <a:pt x="3118489" y="602598"/>
                  <a:pt x="3113083" y="600305"/>
                </a:cubicBezTo>
                <a:cubicBezTo>
                  <a:pt x="3109855" y="598504"/>
                  <a:pt x="3107927" y="595032"/>
                  <a:pt x="3108109" y="591345"/>
                </a:cubicBezTo>
                <a:cubicBezTo>
                  <a:pt x="3108109" y="583717"/>
                  <a:pt x="3112867" y="577402"/>
                  <a:pt x="3122383" y="572400"/>
                </a:cubicBezTo>
                <a:cubicBezTo>
                  <a:pt x="3126469" y="573129"/>
                  <a:pt x="3130613" y="573490"/>
                  <a:pt x="3134764" y="573480"/>
                </a:cubicBezTo>
                <a:cubicBezTo>
                  <a:pt x="3149445" y="574322"/>
                  <a:pt x="3163922" y="569729"/>
                  <a:pt x="3175422" y="560580"/>
                </a:cubicBezTo>
                <a:cubicBezTo>
                  <a:pt x="3185337" y="551894"/>
                  <a:pt x="3190782" y="539195"/>
                  <a:pt x="3190236" y="526037"/>
                </a:cubicBezTo>
                <a:cubicBezTo>
                  <a:pt x="3190325" y="520186"/>
                  <a:pt x="3189336" y="514368"/>
                  <a:pt x="3187316" y="508874"/>
                </a:cubicBezTo>
                <a:cubicBezTo>
                  <a:pt x="3185653" y="504476"/>
                  <a:pt x="3183378" y="500333"/>
                  <a:pt x="3180558" y="496568"/>
                </a:cubicBezTo>
                <a:lnTo>
                  <a:pt x="3207916" y="493383"/>
                </a:lnTo>
                <a:lnTo>
                  <a:pt x="3207916" y="478972"/>
                </a:lnTo>
                <a:lnTo>
                  <a:pt x="3157039" y="478972"/>
                </a:lnTo>
                <a:cubicBezTo>
                  <a:pt x="3150243" y="477103"/>
                  <a:pt x="3143218" y="476195"/>
                  <a:pt x="3136170" y="476274"/>
                </a:cubicBezTo>
                <a:close/>
                <a:moveTo>
                  <a:pt x="2802907" y="476273"/>
                </a:moveTo>
                <a:cubicBezTo>
                  <a:pt x="2793893" y="476285"/>
                  <a:pt x="2785093" y="479013"/>
                  <a:pt x="2777658" y="484100"/>
                </a:cubicBezTo>
                <a:cubicBezTo>
                  <a:pt x="2769316" y="489815"/>
                  <a:pt x="2762443" y="497416"/>
                  <a:pt x="2757599" y="506283"/>
                </a:cubicBezTo>
                <a:lnTo>
                  <a:pt x="2756518" y="506283"/>
                </a:lnTo>
                <a:lnTo>
                  <a:pt x="2753978" y="478972"/>
                </a:lnTo>
                <a:lnTo>
                  <a:pt x="2735540" y="478972"/>
                </a:lnTo>
                <a:lnTo>
                  <a:pt x="2735540" y="626266"/>
                </a:lnTo>
                <a:lnTo>
                  <a:pt x="2757869" y="626266"/>
                </a:lnTo>
                <a:lnTo>
                  <a:pt x="2757869" y="547410"/>
                </a:lnTo>
                <a:cubicBezTo>
                  <a:pt x="2757459" y="534190"/>
                  <a:pt x="2762009" y="521293"/>
                  <a:pt x="2770629" y="511248"/>
                </a:cubicBezTo>
                <a:cubicBezTo>
                  <a:pt x="2778104" y="502037"/>
                  <a:pt x="2789355" y="496699"/>
                  <a:pt x="2801230" y="496729"/>
                </a:cubicBezTo>
                <a:cubicBezTo>
                  <a:pt x="2806695" y="496831"/>
                  <a:pt x="2812133" y="497519"/>
                  <a:pt x="2817450" y="498780"/>
                </a:cubicBezTo>
                <a:lnTo>
                  <a:pt x="2820532" y="477893"/>
                </a:lnTo>
                <a:cubicBezTo>
                  <a:pt x="2814727" y="476756"/>
                  <a:pt x="2808822" y="476213"/>
                  <a:pt x="2802907" y="476274"/>
                </a:cubicBezTo>
                <a:close/>
                <a:moveTo>
                  <a:pt x="2085015" y="476059"/>
                </a:moveTo>
                <a:cubicBezTo>
                  <a:pt x="2067246" y="476059"/>
                  <a:pt x="2053514" y="480430"/>
                  <a:pt x="2043818" y="489174"/>
                </a:cubicBezTo>
                <a:cubicBezTo>
                  <a:pt x="2033728" y="498877"/>
                  <a:pt x="2028412" y="512511"/>
                  <a:pt x="2029274" y="526470"/>
                </a:cubicBezTo>
                <a:cubicBezTo>
                  <a:pt x="2029105" y="535585"/>
                  <a:pt x="2031604" y="544551"/>
                  <a:pt x="2036465" y="552268"/>
                </a:cubicBezTo>
                <a:cubicBezTo>
                  <a:pt x="2040806" y="559504"/>
                  <a:pt x="2047337" y="565174"/>
                  <a:pt x="2055118" y="568461"/>
                </a:cubicBezTo>
                <a:cubicBezTo>
                  <a:pt x="2049863" y="571409"/>
                  <a:pt x="2045249" y="575372"/>
                  <a:pt x="2041547" y="580119"/>
                </a:cubicBezTo>
                <a:cubicBezTo>
                  <a:pt x="2038617" y="584245"/>
                  <a:pt x="2037100" y="589205"/>
                  <a:pt x="2037222" y="594260"/>
                </a:cubicBezTo>
                <a:cubicBezTo>
                  <a:pt x="2037138" y="598718"/>
                  <a:pt x="2038484" y="603086"/>
                  <a:pt x="2041060" y="606728"/>
                </a:cubicBezTo>
                <a:cubicBezTo>
                  <a:pt x="2043345" y="610298"/>
                  <a:pt x="2046586" y="613157"/>
                  <a:pt x="2050414" y="614986"/>
                </a:cubicBezTo>
                <a:cubicBezTo>
                  <a:pt x="2041092" y="616698"/>
                  <a:pt x="2032577" y="621374"/>
                  <a:pt x="2026138" y="628317"/>
                </a:cubicBezTo>
                <a:cubicBezTo>
                  <a:pt x="2020515" y="634748"/>
                  <a:pt x="2017505" y="643045"/>
                  <a:pt x="2017704" y="651580"/>
                </a:cubicBezTo>
                <a:cubicBezTo>
                  <a:pt x="2017233" y="663738"/>
                  <a:pt x="2023184" y="675251"/>
                  <a:pt x="2033383" y="681912"/>
                </a:cubicBezTo>
                <a:cubicBezTo>
                  <a:pt x="2043818" y="689092"/>
                  <a:pt x="2058740" y="692707"/>
                  <a:pt x="2078042" y="692707"/>
                </a:cubicBezTo>
                <a:cubicBezTo>
                  <a:pt x="2103166" y="692671"/>
                  <a:pt x="2122269" y="688390"/>
                  <a:pt x="2135352" y="679862"/>
                </a:cubicBezTo>
                <a:cubicBezTo>
                  <a:pt x="2148167" y="671879"/>
                  <a:pt x="2155686" y="657631"/>
                  <a:pt x="2155033" y="642567"/>
                </a:cubicBezTo>
                <a:cubicBezTo>
                  <a:pt x="2155743" y="631295"/>
                  <a:pt x="2150950" y="620376"/>
                  <a:pt x="2142165" y="613259"/>
                </a:cubicBezTo>
                <a:cubicBezTo>
                  <a:pt x="2133622" y="606512"/>
                  <a:pt x="2121565" y="603166"/>
                  <a:pt x="2105346" y="603166"/>
                </a:cubicBezTo>
                <a:lnTo>
                  <a:pt x="2079231" y="603166"/>
                </a:lnTo>
                <a:cubicBezTo>
                  <a:pt x="2073389" y="603581"/>
                  <a:pt x="2067533" y="602599"/>
                  <a:pt x="2062146" y="600304"/>
                </a:cubicBezTo>
                <a:cubicBezTo>
                  <a:pt x="2058899" y="598524"/>
                  <a:pt x="2056964" y="595039"/>
                  <a:pt x="2057172" y="591346"/>
                </a:cubicBezTo>
                <a:cubicBezTo>
                  <a:pt x="2057208" y="583718"/>
                  <a:pt x="2061948" y="577403"/>
                  <a:pt x="2071392" y="572400"/>
                </a:cubicBezTo>
                <a:cubicBezTo>
                  <a:pt x="2075495" y="573132"/>
                  <a:pt x="2079658" y="573493"/>
                  <a:pt x="2083826" y="573481"/>
                </a:cubicBezTo>
                <a:cubicBezTo>
                  <a:pt x="2098506" y="574302"/>
                  <a:pt x="2112974" y="569711"/>
                  <a:pt x="2124486" y="560581"/>
                </a:cubicBezTo>
                <a:cubicBezTo>
                  <a:pt x="2134381" y="551880"/>
                  <a:pt x="2139823" y="539192"/>
                  <a:pt x="2139299" y="526038"/>
                </a:cubicBezTo>
                <a:cubicBezTo>
                  <a:pt x="2139372" y="520183"/>
                  <a:pt x="2138364" y="514365"/>
                  <a:pt x="2136325" y="508875"/>
                </a:cubicBezTo>
                <a:cubicBezTo>
                  <a:pt x="2134681" y="504468"/>
                  <a:pt x="2132406" y="500321"/>
                  <a:pt x="2129567" y="496569"/>
                </a:cubicBezTo>
                <a:lnTo>
                  <a:pt x="2156925" y="493384"/>
                </a:lnTo>
                <a:lnTo>
                  <a:pt x="2156925" y="478973"/>
                </a:lnTo>
                <a:lnTo>
                  <a:pt x="2105887" y="478757"/>
                </a:lnTo>
                <a:cubicBezTo>
                  <a:pt x="2099090" y="476888"/>
                  <a:pt x="2092065" y="475980"/>
                  <a:pt x="2085015" y="476059"/>
                </a:cubicBezTo>
                <a:close/>
                <a:moveTo>
                  <a:pt x="1716934" y="429804"/>
                </a:moveTo>
                <a:lnTo>
                  <a:pt x="1716934" y="626267"/>
                </a:lnTo>
                <a:lnTo>
                  <a:pt x="1826634" y="626267"/>
                </a:lnTo>
                <a:lnTo>
                  <a:pt x="1826634" y="605865"/>
                </a:lnTo>
                <a:lnTo>
                  <a:pt x="1739588" y="605865"/>
                </a:lnTo>
                <a:lnTo>
                  <a:pt x="1739588" y="533541"/>
                </a:lnTo>
                <a:lnTo>
                  <a:pt x="1821174" y="533541"/>
                </a:lnTo>
                <a:lnTo>
                  <a:pt x="1821174" y="513409"/>
                </a:lnTo>
                <a:lnTo>
                  <a:pt x="1739588" y="513409"/>
                </a:lnTo>
                <a:lnTo>
                  <a:pt x="1739588" y="450206"/>
                </a:lnTo>
                <a:lnTo>
                  <a:pt x="1826634" y="450206"/>
                </a:lnTo>
                <a:lnTo>
                  <a:pt x="1826634" y="429804"/>
                </a:lnTo>
                <a:close/>
                <a:moveTo>
                  <a:pt x="2189094" y="427859"/>
                </a:moveTo>
                <a:cubicBezTo>
                  <a:pt x="2186309" y="430906"/>
                  <a:pt x="2184936" y="434979"/>
                  <a:pt x="2185309" y="439086"/>
                </a:cubicBezTo>
                <a:cubicBezTo>
                  <a:pt x="2185005" y="443151"/>
                  <a:pt x="2186372" y="447165"/>
                  <a:pt x="2189094" y="450204"/>
                </a:cubicBezTo>
                <a:cubicBezTo>
                  <a:pt x="2194366" y="455100"/>
                  <a:pt x="2202529" y="455100"/>
                  <a:pt x="2207801" y="450204"/>
                </a:cubicBezTo>
                <a:cubicBezTo>
                  <a:pt x="2210593" y="447180"/>
                  <a:pt x="2212003" y="443135"/>
                  <a:pt x="2211694" y="439033"/>
                </a:cubicBezTo>
                <a:cubicBezTo>
                  <a:pt x="2212030" y="434927"/>
                  <a:pt x="2210616" y="430870"/>
                  <a:pt x="2207801" y="427859"/>
                </a:cubicBezTo>
                <a:cubicBezTo>
                  <a:pt x="2202489" y="423067"/>
                  <a:pt x="2194406" y="423067"/>
                  <a:pt x="2189094" y="427859"/>
                </a:cubicBezTo>
                <a:close/>
                <a:moveTo>
                  <a:pt x="2859460" y="424298"/>
                </a:moveTo>
                <a:cubicBezTo>
                  <a:pt x="2855974" y="424186"/>
                  <a:pt x="2852587" y="425468"/>
                  <a:pt x="2850052" y="427860"/>
                </a:cubicBezTo>
                <a:cubicBezTo>
                  <a:pt x="2847267" y="430905"/>
                  <a:pt x="2845894" y="434980"/>
                  <a:pt x="2846267" y="439086"/>
                </a:cubicBezTo>
                <a:cubicBezTo>
                  <a:pt x="2845933" y="443188"/>
                  <a:pt x="2847302" y="447247"/>
                  <a:pt x="2850052" y="450313"/>
                </a:cubicBezTo>
                <a:cubicBezTo>
                  <a:pt x="2852559" y="452760"/>
                  <a:pt x="2855955" y="454085"/>
                  <a:pt x="2859460" y="453983"/>
                </a:cubicBezTo>
                <a:cubicBezTo>
                  <a:pt x="2862920" y="454014"/>
                  <a:pt x="2866255" y="452697"/>
                  <a:pt x="2868759" y="450313"/>
                </a:cubicBezTo>
                <a:cubicBezTo>
                  <a:pt x="2871566" y="447275"/>
                  <a:pt x="2872976" y="443206"/>
                  <a:pt x="2872652" y="439086"/>
                </a:cubicBezTo>
                <a:cubicBezTo>
                  <a:pt x="2872988" y="434981"/>
                  <a:pt x="2871574" y="430925"/>
                  <a:pt x="2868759" y="427914"/>
                </a:cubicBezTo>
                <a:cubicBezTo>
                  <a:pt x="2866250" y="425544"/>
                  <a:pt x="2862913" y="424247"/>
                  <a:pt x="2859460" y="424298"/>
                </a:cubicBezTo>
                <a:close/>
                <a:moveTo>
                  <a:pt x="376999" y="311072"/>
                </a:moveTo>
                <a:cubicBezTo>
                  <a:pt x="335263" y="311072"/>
                  <a:pt x="301430" y="344905"/>
                  <a:pt x="301430" y="386641"/>
                </a:cubicBezTo>
                <a:lnTo>
                  <a:pt x="301430" y="960386"/>
                </a:lnTo>
                <a:cubicBezTo>
                  <a:pt x="301430" y="1002122"/>
                  <a:pt x="335263" y="1035955"/>
                  <a:pt x="376999" y="1035955"/>
                </a:cubicBezTo>
                <a:lnTo>
                  <a:pt x="1497644" y="1035955"/>
                </a:lnTo>
                <a:cubicBezTo>
                  <a:pt x="1539380" y="1035955"/>
                  <a:pt x="1573213" y="1002122"/>
                  <a:pt x="1573213" y="960386"/>
                </a:cubicBezTo>
                <a:lnTo>
                  <a:pt x="1573213" y="386641"/>
                </a:lnTo>
                <a:cubicBezTo>
                  <a:pt x="1573213" y="344905"/>
                  <a:pt x="1539380" y="311072"/>
                  <a:pt x="1497644" y="311072"/>
                </a:cubicBezTo>
                <a:close/>
                <a:moveTo>
                  <a:pt x="0" y="0"/>
                </a:moveTo>
                <a:lnTo>
                  <a:pt x="11867250" y="0"/>
                </a:lnTo>
                <a:lnTo>
                  <a:pt x="11867250" y="2037600"/>
                </a:lnTo>
                <a:lnTo>
                  <a:pt x="11881650" y="2037600"/>
                </a:lnTo>
                <a:lnTo>
                  <a:pt x="11881650" y="0"/>
                </a:lnTo>
                <a:lnTo>
                  <a:pt x="12193196" y="0"/>
                </a:lnTo>
                <a:lnTo>
                  <a:pt x="12193196" y="6861598"/>
                </a:lnTo>
                <a:lnTo>
                  <a:pt x="0" y="6861598"/>
                </a:lnTo>
                <a:lnTo>
                  <a:pt x="0" y="6541141"/>
                </a:lnTo>
                <a:lnTo>
                  <a:pt x="9709193" y="6541141"/>
                </a:lnTo>
                <a:lnTo>
                  <a:pt x="9709193" y="6526741"/>
                </a:lnTo>
                <a:lnTo>
                  <a:pt x="0" y="6526741"/>
                </a:lnTo>
                <a:close/>
              </a:path>
            </a:pathLst>
          </a:custGeom>
          <a:solidFill>
            <a:schemeClr val="bg2"/>
          </a:solidFill>
        </p:spPr>
        <p:txBody>
          <a:bodyPr wrap="square" tIns="648000" bIns="0" anchor="t" anchorCtr="0">
            <a:noAutofit/>
          </a:bodyP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sz="1600">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9" name="Footer Placeholder 8">
            <a:extLst>
              <a:ext uri="{FF2B5EF4-FFF2-40B4-BE49-F238E27FC236}">
                <a16:creationId xmlns:a16="http://schemas.microsoft.com/office/drawing/2014/main" id="{B450E4BA-AB0E-4E89-9112-52FFD31600AB}"/>
              </a:ext>
            </a:extLst>
          </p:cNvPr>
          <p:cNvSpPr>
            <a:spLocks noGrp="1"/>
          </p:cNvSpPr>
          <p:nvPr>
            <p:ph type="ftr" sz="quarter" idx="16"/>
          </p:nvPr>
        </p:nvSpPr>
        <p:spPr/>
        <p:txBody>
          <a:body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0DB949FF-9683-4C07-B8ED-57EEBCDAAF3F}"/>
              </a:ext>
            </a:extLst>
          </p:cNvPr>
          <p:cNvSpPr>
            <a:spLocks noGrp="1"/>
          </p:cNvSpPr>
          <p:nvPr>
            <p:ph type="sldNum" sz="quarter" idx="17"/>
          </p:nvPr>
        </p:nvSpPr>
        <p:spPr/>
        <p:txBody>
          <a:bodyPr/>
          <a:lstStyle/>
          <a:p>
            <a:fld id="{23AA811B-2EBD-4900-905E-5BE206449611}" type="slidenum">
              <a:rPr lang="en-US" smtClean="0"/>
              <a:pPr/>
              <a:t>‹#›</a:t>
            </a:fld>
            <a:endParaRPr lang="en-US" dirty="0"/>
          </a:p>
        </p:txBody>
      </p:sp>
      <p:sp>
        <p:nvSpPr>
          <p:cNvPr id="18" name="Text Placeholder 28">
            <a:extLst>
              <a:ext uri="{FF2B5EF4-FFF2-40B4-BE49-F238E27FC236}">
                <a16:creationId xmlns:a16="http://schemas.microsoft.com/office/drawing/2014/main" id="{40E1ED61-DDEF-42F4-9929-C0C49725411A}"/>
              </a:ext>
            </a:extLst>
          </p:cNvPr>
          <p:cNvSpPr>
            <a:spLocks noGrp="1"/>
          </p:cNvSpPr>
          <p:nvPr>
            <p:ph type="body" sz="quarter" idx="14"/>
          </p:nvPr>
        </p:nvSpPr>
        <p:spPr>
          <a:xfrm>
            <a:off x="9708425" y="6367604"/>
            <a:ext cx="1848208" cy="362211"/>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Click to edit Master text styles</a:t>
            </a:r>
          </a:p>
        </p:txBody>
      </p:sp>
      <p:sp>
        <p:nvSpPr>
          <p:cNvPr id="3" name="TextBox 2">
            <a:extLst>
              <a:ext uri="{FF2B5EF4-FFF2-40B4-BE49-F238E27FC236}">
                <a16:creationId xmlns:a16="http://schemas.microsoft.com/office/drawing/2014/main" id="{33A4508B-DC76-4ED1-8A53-7E1CF6C8CCA3}"/>
              </a:ext>
            </a:extLst>
          </p:cNvPr>
          <p:cNvSpPr txBox="1"/>
          <p:nvPr userDrawn="1"/>
        </p:nvSpPr>
        <p:spPr>
          <a:xfrm>
            <a:off x="7043738" y="4545399"/>
            <a:ext cx="1720850" cy="246221"/>
          </a:xfrm>
          <a:prstGeom prst="rect">
            <a:avLst/>
          </a:prstGeom>
          <a:noFill/>
        </p:spPr>
        <p:txBody>
          <a:bodyPr wrap="square" lIns="0" tIns="0" rIns="0" bIns="0" rtlCol="0">
            <a:spAutoFit/>
          </a:bodyPr>
          <a:lstStyle/>
          <a:p>
            <a:r>
              <a:rPr lang="en-US" sz="1600" b="1" dirty="0">
                <a:solidFill>
                  <a:schemeClr val="tx2"/>
                </a:solidFill>
              </a:rPr>
              <a:t>Contact</a:t>
            </a:r>
            <a:endParaRPr lang="en-US"/>
          </a:p>
        </p:txBody>
      </p:sp>
      <p:sp>
        <p:nvSpPr>
          <p:cNvPr id="19" name="Title 18">
            <a:extLst>
              <a:ext uri="{FF2B5EF4-FFF2-40B4-BE49-F238E27FC236}">
                <a16:creationId xmlns:a16="http://schemas.microsoft.com/office/drawing/2014/main" id="{F0967B1F-78AC-41F5-BB2E-FB6C78E1AF95}"/>
              </a:ext>
            </a:extLst>
          </p:cNvPr>
          <p:cNvSpPr>
            <a:spLocks noGrp="1"/>
          </p:cNvSpPr>
          <p:nvPr>
            <p:ph type="title" hasCustomPrompt="1"/>
          </p:nvPr>
        </p:nvSpPr>
        <p:spPr>
          <a:xfrm>
            <a:off x="6205200" y="2247627"/>
            <a:ext cx="5986800" cy="3096000"/>
          </a:xfrm>
          <a:custGeom>
            <a:avLst/>
            <a:gdLst>
              <a:gd name="connsiteX0" fmla="*/ 0 w 5986800"/>
              <a:gd name="connsiteY0" fmla="*/ 0 h 3096000"/>
              <a:gd name="connsiteX1" fmla="*/ 5986800 w 5986800"/>
              <a:gd name="connsiteY1" fmla="*/ 0 h 3096000"/>
              <a:gd name="connsiteX2" fmla="*/ 5986800 w 5986800"/>
              <a:gd name="connsiteY2" fmla="*/ 2019600 h 3096000"/>
              <a:gd name="connsiteX3" fmla="*/ 205200 w 5986800"/>
              <a:gd name="connsiteY3" fmla="*/ 2019600 h 3096000"/>
              <a:gd name="connsiteX4" fmla="*/ 205200 w 5986800"/>
              <a:gd name="connsiteY4" fmla="*/ 3096000 h 3096000"/>
              <a:gd name="connsiteX5" fmla="*/ 0 w 5986800"/>
              <a:gd name="connsiteY5" fmla="*/ 3096000 h 3096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986800" h="3096000">
                <a:moveTo>
                  <a:pt x="0" y="0"/>
                </a:moveTo>
                <a:lnTo>
                  <a:pt x="5986800" y="0"/>
                </a:lnTo>
                <a:lnTo>
                  <a:pt x="5986800" y="2019600"/>
                </a:lnTo>
                <a:lnTo>
                  <a:pt x="205200" y="2019600"/>
                </a:lnTo>
                <a:lnTo>
                  <a:pt x="205200" y="3096000"/>
                </a:lnTo>
                <a:lnTo>
                  <a:pt x="0" y="3096000"/>
                </a:lnTo>
                <a:close/>
              </a:path>
            </a:pathLst>
          </a:custGeom>
          <a:solidFill>
            <a:schemeClr val="tx2"/>
          </a:solidFill>
        </p:spPr>
        <p:txBody>
          <a:bodyPr wrap="square" lIns="684000" tIns="540000" rIns="648000" bIns="360000" anchor="t" anchorCtr="0">
            <a:noAutofit/>
          </a:bodyPr>
          <a:lstStyle>
            <a:lvl1pPr>
              <a:defRPr>
                <a:solidFill>
                  <a:schemeClr val="bg1"/>
                </a:solidFill>
              </a:defRPr>
            </a:lvl1pPr>
          </a:lstStyle>
          <a:p>
            <a:r>
              <a:rPr lang="en-US" noProof="0" dirty="0"/>
              <a:t>Click to add title</a:t>
            </a:r>
            <a:endParaRPr lang="en-US"/>
          </a:p>
        </p:txBody>
      </p:sp>
      <p:sp>
        <p:nvSpPr>
          <p:cNvPr id="21" name="text" descr="{&quot;templafy&quot;:{&quot;id&quot;:&quot;1edd3cc1-1b98-4e89-9efc-7c95655202ac&quot;}}">
            <a:extLst>
              <a:ext uri="{FF2B5EF4-FFF2-40B4-BE49-F238E27FC236}">
                <a16:creationId xmlns:a16="http://schemas.microsoft.com/office/drawing/2014/main" id="{F00CF919-F1E7-4B22-810D-B5FF11DF199E}"/>
              </a:ext>
            </a:extLst>
          </p:cNvPr>
          <p:cNvSpPr txBox="1"/>
          <p:nvPr userDrawn="1"/>
        </p:nvSpPr>
        <p:spPr>
          <a:xfrm>
            <a:off x="7043738" y="4791620"/>
            <a:ext cx="4497862" cy="246221"/>
          </a:xfrm>
          <a:prstGeom prst="rect">
            <a:avLst/>
          </a:prstGeom>
          <a:noFill/>
        </p:spPr>
        <p:txBody>
          <a:bodyPr wrap="square" lIns="0" tIns="0" rIns="0" bIns="0" rtlCol="0">
            <a:spAutoFit/>
          </a:bodyPr>
          <a:lstStyle/>
          <a:p>
            <a:r>
              <a:rPr lang="en-US" sz="1600" b="0" dirty="0">
                <a:solidFill>
                  <a:schemeClr val="tx2"/>
                </a:solidFill>
              </a:rPr>
              <a:t>Nicholas Dickerson</a:t>
            </a:r>
          </a:p>
        </p:txBody>
      </p:sp>
      <p:sp>
        <p:nvSpPr>
          <p:cNvPr id="22" name="text" descr="{&quot;templafy&quot;:{&quot;id&quot;:&quot;dea6e9d3-ad34-4657-855b-a8e7399b1d57&quot;}}">
            <a:extLst>
              <a:ext uri="{FF2B5EF4-FFF2-40B4-BE49-F238E27FC236}">
                <a16:creationId xmlns:a16="http://schemas.microsoft.com/office/drawing/2014/main" id="{8424D9F1-11E3-4AA6-8A44-7DE70A57F0D8}"/>
              </a:ext>
            </a:extLst>
          </p:cNvPr>
          <p:cNvSpPr txBox="1"/>
          <p:nvPr userDrawn="1"/>
        </p:nvSpPr>
        <p:spPr>
          <a:xfrm>
            <a:off x="7043738" y="5052588"/>
            <a:ext cx="4497862" cy="246221"/>
          </a:xfrm>
          <a:prstGeom prst="rect">
            <a:avLst/>
          </a:prstGeom>
          <a:noFill/>
        </p:spPr>
        <p:txBody>
          <a:bodyPr wrap="square" lIns="0" tIns="0" rIns="0" bIns="0" rtlCol="0">
            <a:spAutoFit/>
          </a:bodyPr>
          <a:lstStyle/>
          <a:p>
            <a:r>
              <a:rPr lang="en-US" sz="1600" b="0" dirty="0">
                <a:solidFill>
                  <a:schemeClr val="tx2"/>
                </a:solidFill>
              </a:rPr>
              <a:t>nicholas.dickerson@collierseng.com</a:t>
            </a:r>
          </a:p>
        </p:txBody>
      </p:sp>
    </p:spTree>
    <p:extLst>
      <p:ext uri="{BB962C8B-B14F-4D97-AF65-F5344CB8AC3E}">
        <p14:creationId xmlns:p14="http://schemas.microsoft.com/office/powerpoint/2010/main" val="1941265493"/>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add title</a:t>
            </a:r>
            <a:endParaRPr lang="en-US"/>
          </a:p>
        </p:txBody>
      </p:sp>
      <p:sp>
        <p:nvSpPr>
          <p:cNvPr id="7" name="Footer Placeholder 6">
            <a:extLst>
              <a:ext uri="{FF2B5EF4-FFF2-40B4-BE49-F238E27FC236}">
                <a16:creationId xmlns:a16="http://schemas.microsoft.com/office/drawing/2014/main" id="{79E05B47-2799-4F24-BE0A-4FE972C0E03E}"/>
              </a:ext>
            </a:extLst>
          </p:cNvPr>
          <p:cNvSpPr>
            <a:spLocks noGrp="1"/>
          </p:cNvSpPr>
          <p:nvPr>
            <p:ph type="ftr" sz="quarter" idx="11"/>
          </p:nvPr>
        </p:nvSpPr>
        <p:spPr/>
        <p:txBody>
          <a:bodyPr/>
          <a:lstStyle/>
          <a:p>
            <a:r>
              <a:rPr lang="en-US"/>
              <a:t>Colliers Engineering &amp; Design</a:t>
            </a:r>
            <a:endParaRPr lang="en-US" dirty="0"/>
          </a:p>
        </p:txBody>
      </p:sp>
      <p:sp>
        <p:nvSpPr>
          <p:cNvPr id="8" name="Slide Number Placeholder 7">
            <a:extLst>
              <a:ext uri="{FF2B5EF4-FFF2-40B4-BE49-F238E27FC236}">
                <a16:creationId xmlns:a16="http://schemas.microsoft.com/office/drawing/2014/main" id="{41F7DC19-0DD8-4930-A227-ED70FE4E49D3}"/>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4" name="Content Placeholder 3">
            <a:extLst>
              <a:ext uri="{FF2B5EF4-FFF2-40B4-BE49-F238E27FC236}">
                <a16:creationId xmlns:a16="http://schemas.microsoft.com/office/drawing/2014/main" id="{4DE4CAC1-E893-4219-9AA4-64F5EDA29707}"/>
              </a:ext>
            </a:extLst>
          </p:cNvPr>
          <p:cNvSpPr>
            <a:spLocks noGrp="1"/>
          </p:cNvSpPr>
          <p:nvPr>
            <p:ph sz="quarter" idx="13" hasCustomPrompt="1"/>
          </p:nvPr>
        </p:nvSpPr>
        <p:spPr>
          <a:xfrm>
            <a:off x="647525" y="2046287"/>
            <a:ext cx="10895187" cy="4162426"/>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320831016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add title</a:t>
            </a:r>
            <a:endParaRPr lang="en-US"/>
          </a:p>
        </p:txBody>
      </p:sp>
      <p:sp>
        <p:nvSpPr>
          <p:cNvPr id="7" name="Footer Placeholder 6">
            <a:extLst>
              <a:ext uri="{FF2B5EF4-FFF2-40B4-BE49-F238E27FC236}">
                <a16:creationId xmlns:a16="http://schemas.microsoft.com/office/drawing/2014/main" id="{79E05B47-2799-4F24-BE0A-4FE972C0E03E}"/>
              </a:ext>
            </a:extLst>
          </p:cNvPr>
          <p:cNvSpPr>
            <a:spLocks noGrp="1"/>
          </p:cNvSpPr>
          <p:nvPr>
            <p:ph type="ftr" sz="quarter" idx="11"/>
          </p:nvPr>
        </p:nvSpPr>
        <p:spPr/>
        <p:txBody>
          <a:bodyPr/>
          <a:lstStyle/>
          <a:p>
            <a:r>
              <a:rPr lang="en-US"/>
              <a:t>Colliers Engineering &amp; Design</a:t>
            </a:r>
            <a:endParaRPr lang="en-US" dirty="0"/>
          </a:p>
        </p:txBody>
      </p:sp>
      <p:sp>
        <p:nvSpPr>
          <p:cNvPr id="8" name="Slide Number Placeholder 7">
            <a:extLst>
              <a:ext uri="{FF2B5EF4-FFF2-40B4-BE49-F238E27FC236}">
                <a16:creationId xmlns:a16="http://schemas.microsoft.com/office/drawing/2014/main" id="{41F7DC19-0DD8-4930-A227-ED70FE4E49D3}"/>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0BD0A6F2-33B9-468B-8C33-5C911B4BB8BE}"/>
              </a:ext>
            </a:extLst>
          </p:cNvPr>
          <p:cNvSpPr>
            <a:spLocks noGrp="1"/>
          </p:cNvSpPr>
          <p:nvPr>
            <p:ph type="ftr" sz="quarter" idx="11"/>
          </p:nvPr>
        </p:nvSpPr>
        <p:spPr/>
        <p:txBody>
          <a:bodyPr/>
          <a:lstStyle/>
          <a:p>
            <a:r>
              <a:rPr lang="en-US"/>
              <a:t>Colliers Engineering &amp; Design</a:t>
            </a:r>
            <a:endParaRPr lang="en-US" dirty="0"/>
          </a:p>
        </p:txBody>
      </p:sp>
      <p:sp>
        <p:nvSpPr>
          <p:cNvPr id="7" name="Slide Number Placeholder 6">
            <a:extLst>
              <a:ext uri="{FF2B5EF4-FFF2-40B4-BE49-F238E27FC236}">
                <a16:creationId xmlns:a16="http://schemas.microsoft.com/office/drawing/2014/main" id="{6B2FDCF0-F248-4239-8E0C-3CE19B47CBD3}"/>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67579"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PICTURES</a:t>
            </a:r>
            <a:br>
              <a:rPr lang="en-GB" sz="900" dirty="0">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Insert corporate picture from Templafy</a:t>
            </a:r>
            <a:endParaRPr lang="en-US"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1.</a:t>
            </a:r>
            <a:r>
              <a:rPr lang="en-US" altLang="da-DK" sz="900" b="0" noProof="1">
                <a:solidFill>
                  <a:schemeClr val="tx1"/>
                </a:solidFill>
                <a:latin typeface="Arial" panose="020B0604020202020204" pitchFamily="34" charset="0"/>
                <a:cs typeface="Arial" panose="020B0604020202020204" pitchFamily="34" charset="0"/>
              </a:rPr>
              <a:t> Click the blue </a:t>
            </a:r>
            <a:r>
              <a:rPr lang="en-US" altLang="da-DK" sz="900" b="1" baseline="0" noProof="1">
                <a:solidFill>
                  <a:schemeClr val="tx1"/>
                </a:solidFill>
                <a:latin typeface="Arial" panose="020B0604020202020204" pitchFamily="34" charset="0"/>
                <a:cs typeface="Arial" panose="020B0604020202020204" pitchFamily="34" charset="0"/>
              </a:rPr>
              <a:t>Templafy </a:t>
            </a:r>
            <a:r>
              <a:rPr lang="en-US" altLang="da-DK" sz="900" b="0" baseline="0" noProof="1">
                <a:solidFill>
                  <a:schemeClr val="tx1"/>
                </a:solidFill>
                <a:latin typeface="Arial" panose="020B0604020202020204" pitchFamily="34" charset="0"/>
                <a:cs typeface="Arial" panose="020B0604020202020204" pitchFamily="34" charset="0"/>
              </a:rPr>
              <a:t>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2. </a:t>
            </a:r>
            <a:r>
              <a:rPr lang="en-US" altLang="da-DK" sz="900" b="0" baseline="0" noProof="1">
                <a:solidFill>
                  <a:schemeClr val="tx1"/>
                </a:solidFill>
                <a:latin typeface="Arial" panose="020B0604020202020204" pitchFamily="34" charset="0"/>
                <a:cs typeface="Arial" panose="020B0604020202020204" pitchFamily="34" charset="0"/>
              </a:rPr>
              <a:t>In the dropdown, click </a:t>
            </a:r>
            <a:r>
              <a:rPr lang="en-US" altLang="da-DK" sz="900" b="1" baseline="0" noProof="1">
                <a:solidFill>
                  <a:schemeClr val="tx1"/>
                </a:solidFill>
                <a:latin typeface="Arial" panose="020B0604020202020204" pitchFamily="34" charset="0"/>
                <a:cs typeface="Arial" panose="020B0604020202020204" pitchFamily="34" charset="0"/>
              </a:rPr>
              <a:t>Images</a:t>
            </a:r>
            <a:r>
              <a:rPr lang="en-US" altLang="da-DK" sz="900" b="0" baseline="0" noProof="1">
                <a:solidFill>
                  <a:schemeClr val="tx1"/>
                </a:solidFill>
                <a:latin typeface="Arial" panose="020B0604020202020204" pitchFamily="34" charset="0"/>
                <a:cs typeface="Arial" panose="020B0604020202020204" pitchFamily="34" charset="0"/>
              </a:rPr>
              <a:t>, </a:t>
            </a:r>
            <a:br>
              <a:rPr lang="en-GB" altLang="da-DK" sz="900" b="0" baseline="0" noProof="1">
                <a:solidFill>
                  <a:schemeClr val="tx1"/>
                </a:solidFill>
                <a:latin typeface="Arial" panose="020B0604020202020204" pitchFamily="34" charset="0"/>
                <a:cs typeface="Arial" panose="020B0604020202020204" pitchFamily="34" charset="0"/>
              </a:rPr>
            </a:br>
            <a:r>
              <a:rPr lang="en-US" altLang="da-DK" sz="900" b="0" baseline="0" noProof="1">
                <a:solidFill>
                  <a:schemeClr val="tx1"/>
                </a:solidFill>
                <a:latin typeface="Arial" panose="020B0604020202020204" pitchFamily="34" charset="0"/>
                <a:cs typeface="Arial" panose="020B0604020202020204" pitchFamily="34" charset="0"/>
              </a:rPr>
              <a:t>or click the </a:t>
            </a:r>
            <a:r>
              <a:rPr lang="en-US" altLang="da-DK" sz="900" b="1" baseline="0" noProof="1">
                <a:solidFill>
                  <a:schemeClr val="tx1"/>
                </a:solidFill>
                <a:latin typeface="Arial" panose="020B0604020202020204" pitchFamily="34" charset="0"/>
                <a:cs typeface="Arial" panose="020B0604020202020204" pitchFamily="34" charset="0"/>
              </a:rPr>
              <a:t>Images </a:t>
            </a:r>
            <a:r>
              <a:rPr lang="en-US" altLang="da-DK" sz="900" b="0" i="0" baseline="0" noProof="1">
                <a:solidFill>
                  <a:schemeClr val="tx1"/>
                </a:solidFill>
                <a:latin typeface="Arial" panose="020B0604020202020204" pitchFamily="34" charset="0"/>
                <a:cs typeface="Arial" panose="020B0604020202020204" pitchFamily="34" charset="0"/>
              </a:rPr>
              <a:t>button</a:t>
            </a:r>
            <a:r>
              <a:rPr lang="en-US" altLang="da-DK" sz="900" b="0" baseline="0" noProof="1">
                <a:solidFill>
                  <a:schemeClr val="tx1"/>
                </a:solidFill>
                <a:latin typeface="Arial" panose="020B0604020202020204" pitchFamily="34" charset="0"/>
                <a:cs typeface="Arial" panose="020B0604020202020204" pitchFamily="34" charset="0"/>
              </a:rPr>
              <a:t> in the Templafy pane on the right side of the screen</a:t>
            </a:r>
            <a:endParaRPr lang="en-US"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On slides with pictureplaceholder, click on the icon and choose </a:t>
            </a:r>
            <a:r>
              <a:rPr lang="en-US" altLang="da-DK" sz="900" b="1" noProof="1">
                <a:solidFill>
                  <a:schemeClr val="tx1"/>
                </a:solidFill>
                <a:latin typeface="Arial" panose="020B0604020202020204" pitchFamily="34" charset="0"/>
                <a:cs typeface="Arial" panose="020B0604020202020204" pitchFamily="34" charset="0"/>
              </a:rPr>
              <a:t>Insert</a:t>
            </a:r>
            <a:endParaRPr lang="en-US"/>
          </a:p>
          <a:p>
            <a:pPr eaLnBrk="1" hangingPunct="1">
              <a:spcBef>
                <a:spcPts val="1200"/>
              </a:spcBef>
              <a:spcAft>
                <a:spcPts val="600"/>
              </a:spcAft>
              <a:defRPr/>
            </a:pPr>
            <a:r>
              <a:rPr lang="en-US" sz="900" b="1" noProof="1">
                <a:solidFill>
                  <a:schemeClr val="tx1"/>
                </a:solidFill>
                <a:latin typeface="Arial" panose="020B0604020202020204" pitchFamily="34" charset="0"/>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a:t>
            </a:r>
            <a:r>
              <a:rPr lang="en-US" altLang="da-DK" sz="900" b="1" noProof="1">
                <a:solidFill>
                  <a:schemeClr val="tx1"/>
                </a:solidFill>
                <a:latin typeface="Arial" panose="020B0604020202020204" pitchFamily="34" charset="0"/>
                <a:cs typeface="Arial" panose="020B0604020202020204" pitchFamily="34" charset="0"/>
              </a:rPr>
              <a:t>Crop</a:t>
            </a:r>
            <a:r>
              <a:rPr lang="en-US" altLang="da-DK" sz="900" b="0" noProof="1">
                <a:solidFill>
                  <a:schemeClr val="tx1"/>
                </a:solidFill>
                <a:latin typeface="Arial" panose="020B0604020202020204" pitchFamily="34" charset="0"/>
                <a:cs typeface="Arial" panose="020B0604020202020204" pitchFamily="34" charset="0"/>
              </a:rPr>
              <a:t> to change size or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focus of the picture</a:t>
            </a:r>
            <a:endParaRPr lang="en-US"/>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2. </a:t>
            </a:r>
            <a:r>
              <a:rPr lang="en-US" altLang="da-DK" sz="900" b="0" noProof="1">
                <a:solidFill>
                  <a:schemeClr val="tx1"/>
                </a:solidFill>
                <a:latin typeface="Arial" panose="020B0604020202020204" pitchFamily="34" charset="0"/>
                <a:cs typeface="Arial" panose="020B0604020202020204" pitchFamily="34" charset="0"/>
              </a:rPr>
              <a:t>If you want to scale the picture,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hold </a:t>
            </a:r>
            <a:r>
              <a:rPr lang="en-US" altLang="da-DK" sz="900" b="1" noProof="1">
                <a:solidFill>
                  <a:schemeClr val="tx1"/>
                </a:solidFill>
                <a:latin typeface="Arial" panose="020B0604020202020204" pitchFamily="34" charset="0"/>
                <a:cs typeface="Arial" panose="020B0604020202020204" pitchFamily="34" charset="0"/>
              </a:rPr>
              <a:t>SHIFT</a:t>
            </a:r>
            <a:r>
              <a:rPr lang="en-US" altLang="da-DK" sz="900" b="0" noProof="1">
                <a:solidFill>
                  <a:schemeClr val="tx1"/>
                </a:solidFill>
                <a:latin typeface="Arial" panose="020B0604020202020204" pitchFamily="34" charset="0"/>
                <a:cs typeface="Arial" panose="020B0604020202020204" pitchFamily="34" charset="0"/>
              </a:rPr>
              <a:t>-key down while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dragging the corners of the picture</a:t>
            </a:r>
            <a:br>
              <a:rPr lang="en-GB" altLang="da-DK" sz="900" b="0" noProof="1">
                <a:solidFill>
                  <a:schemeClr val="tx1"/>
                </a:solidFill>
                <a:latin typeface="Arial" panose="020B0604020202020204" pitchFamily="34" charset="0"/>
                <a:cs typeface="Arial" panose="020B0604020202020204" pitchFamily="34" charset="0"/>
              </a:rPr>
            </a:br>
            <a:endParaRPr lang="en-US"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altLang="da-DK" sz="900" b="0" noProof="1">
                <a:solidFill>
                  <a:schemeClr val="tx1"/>
                </a:solidFill>
                <a:latin typeface="Arial" panose="020B0604020202020204" pitchFamily="34" charset="0"/>
                <a:cs typeface="Arial" panose="020B0604020202020204" pitchFamily="34" charset="0"/>
              </a:rPr>
              <a:t>If you delete the picture and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nsert a new one, the picture may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lie in front of the text or graphic.</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f this happens, select the picture, </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right-click and choose </a:t>
            </a:r>
            <a:r>
              <a:rPr lang="en-US" altLang="da-DK" sz="900" b="1" noProof="1">
                <a:solidFill>
                  <a:schemeClr val="tx1"/>
                </a:solidFill>
                <a:latin typeface="Arial" panose="020B0604020202020204" pitchFamily="34" charset="0"/>
                <a:cs typeface="Arial" panose="020B0604020202020204" pitchFamily="34" charset="0"/>
              </a:rPr>
              <a:t>Send to Back</a:t>
            </a:r>
            <a:endParaRPr lang="en-US"/>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54412" y="187609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39752" y="1613646"/>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Arial" panose="020B0604020202020204" pitchFamily="34" charset="0"/>
                <a:cs typeface="Arial" panose="020B0604020202020204" pitchFamily="34" charset="0"/>
              </a:rPr>
              <a:t>TEXT STYLES</a:t>
            </a:r>
            <a:endParaRPr lang="en-US" altLang="da-DK" sz="16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Use the </a:t>
            </a:r>
            <a:r>
              <a:rPr lang="en-US" altLang="da-DK" sz="900" b="1" noProof="1">
                <a:solidFill>
                  <a:schemeClr val="tx1"/>
                </a:solidFill>
                <a:latin typeface="Arial" panose="020B0604020202020204" pitchFamily="34" charset="0"/>
                <a:cs typeface="Arial" panose="020B0604020202020204" pitchFamily="34" charset="0"/>
              </a:rPr>
              <a:t>TAB</a:t>
            </a:r>
            <a:r>
              <a:rPr lang="en-US" altLang="da-DK" sz="900" b="0" noProof="1">
                <a:solidFill>
                  <a:schemeClr val="tx1"/>
                </a:solidFill>
                <a:latin typeface="Arial" panose="020B0604020202020204" pitchFamily="34" charset="0"/>
                <a:cs typeface="Arial" panose="020B0604020202020204" pitchFamily="34" charset="0"/>
              </a:rPr>
              <a:t>-key</a:t>
            </a:r>
            <a:r>
              <a:rPr lang="en-US" altLang="da-DK" sz="900" b="0" baseline="0" noProof="1">
                <a:solidFill>
                  <a:schemeClr val="tx1"/>
                </a:solidFill>
                <a:latin typeface="Arial" panose="020B0604020202020204" pitchFamily="34" charset="0"/>
                <a:cs typeface="Arial" panose="020B0604020202020204" pitchFamily="34" charset="0"/>
              </a:rPr>
              <a:t> to jump through levels. Click </a:t>
            </a:r>
            <a:r>
              <a:rPr lang="en-US" altLang="da-DK" sz="900" b="1" baseline="0" noProof="1">
                <a:solidFill>
                  <a:schemeClr val="tx1"/>
                </a:solidFill>
                <a:latin typeface="Arial" panose="020B0604020202020204" pitchFamily="34" charset="0"/>
                <a:cs typeface="Arial" panose="020B0604020202020204" pitchFamily="34" charset="0"/>
              </a:rPr>
              <a:t>ENTER</a:t>
            </a:r>
            <a:r>
              <a:rPr lang="en-US" altLang="da-DK" sz="900" b="0" baseline="0" noProof="1">
                <a:solidFill>
                  <a:schemeClr val="tx1"/>
                </a:solidFill>
                <a:latin typeface="Arial" panose="020B0604020202020204" pitchFamily="34" charset="0"/>
                <a:cs typeface="Arial" panose="020B0604020202020204" pitchFamily="34" charset="0"/>
              </a:rPr>
              <a:t>, then </a:t>
            </a:r>
            <a:r>
              <a:rPr lang="en-US" altLang="da-DK" sz="900" b="1" baseline="0" noProof="1">
                <a:solidFill>
                  <a:schemeClr val="tx1"/>
                </a:solidFill>
                <a:latin typeface="Arial" panose="020B0604020202020204" pitchFamily="34" charset="0"/>
                <a:cs typeface="Arial" panose="020B0604020202020204" pitchFamily="34" charset="0"/>
              </a:rPr>
              <a:t>TAB</a:t>
            </a:r>
            <a:r>
              <a:rPr lang="en-US" altLang="da-DK" sz="900" b="0" baseline="0" noProof="1">
                <a:solidFill>
                  <a:schemeClr val="tx1"/>
                </a:solidFill>
                <a:latin typeface="Arial" panose="020B0604020202020204" pitchFamily="34" charset="0"/>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Arial" panose="020B0604020202020204" pitchFamily="34" charset="0"/>
                <a:cs typeface="Arial" panose="020B0604020202020204" pitchFamily="34" charset="0"/>
              </a:rPr>
              <a:t>To go back in levels use </a:t>
            </a:r>
            <a:r>
              <a:rPr lang="en-US" altLang="da-DK" sz="900" b="1" baseline="0" noProof="1">
                <a:solidFill>
                  <a:schemeClr val="tx1"/>
                </a:solidFill>
                <a:latin typeface="Arial" panose="020B0604020202020204" pitchFamily="34" charset="0"/>
                <a:cs typeface="Arial" panose="020B0604020202020204" pitchFamily="34" charset="0"/>
              </a:rPr>
              <a:t>SHIFT-TAB</a:t>
            </a:r>
            <a:endParaRPr lang="en-US"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sz="900" noProof="1">
                <a:solidFill>
                  <a:schemeClr val="tx1"/>
                </a:solidFill>
                <a:latin typeface="Arial" panose="020B0604020202020204" pitchFamily="34" charset="0"/>
                <a:cs typeface="Arial" panose="020B0604020202020204" pitchFamily="34" charset="0"/>
              </a:rPr>
              <a:t>Alternatively, </a:t>
            </a:r>
            <a:r>
              <a:rPr lang="en-US" sz="900" b="1" noProof="1">
                <a:solidFill>
                  <a:schemeClr val="tx1"/>
                </a:solidFill>
                <a:latin typeface="Arial" panose="020B0604020202020204" pitchFamily="34" charset="0"/>
                <a:cs typeface="Arial" panose="020B0604020202020204" pitchFamily="34" charset="0"/>
              </a:rPr>
              <a:t>Increase</a:t>
            </a:r>
            <a:r>
              <a:rPr lang="en-US" sz="900" baseline="0" noProof="1">
                <a:solidFill>
                  <a:schemeClr val="tx1"/>
                </a:solidFill>
                <a:latin typeface="Arial" panose="020B0604020202020204" pitchFamily="34" charset="0"/>
                <a:cs typeface="Arial" panose="020B0604020202020204" pitchFamily="34" charset="0"/>
              </a:rPr>
              <a:t> and </a:t>
            </a:r>
            <a:r>
              <a:rPr lang="en-US" sz="900" b="1" baseline="0" noProof="1">
                <a:solidFill>
                  <a:schemeClr val="tx1"/>
                </a:solidFill>
                <a:latin typeface="Arial" panose="020B0604020202020204" pitchFamily="34" charset="0"/>
                <a:cs typeface="Arial" panose="020B0604020202020204" pitchFamily="34" charset="0"/>
              </a:rPr>
              <a:t>Decrease</a:t>
            </a:r>
            <a:br>
              <a:rPr lang="en-GB" sz="900" b="1" baseline="0" noProof="1">
                <a:solidFill>
                  <a:schemeClr val="tx1"/>
                </a:solidFill>
                <a:latin typeface="Arial" panose="020B0604020202020204" pitchFamily="34" charset="0"/>
                <a:cs typeface="Arial" panose="020B0604020202020204" pitchFamily="34" charset="0"/>
              </a:rPr>
            </a:br>
            <a:r>
              <a:rPr lang="en-US" sz="900" baseline="0" noProof="1">
                <a:solidFill>
                  <a:schemeClr val="tx1"/>
                </a:solidFill>
                <a:latin typeface="Arial" panose="020B0604020202020204" pitchFamily="34" charset="0"/>
                <a:cs typeface="Arial" panose="020B0604020202020204" pitchFamily="34" charset="0"/>
              </a:rPr>
              <a:t>list level can be used</a:t>
            </a:r>
            <a:endParaRPr lang="en-US"/>
          </a:p>
          <a:p>
            <a:pPr eaLnBrk="1" hangingPunct="1">
              <a:spcAft>
                <a:spcPts val="600"/>
              </a:spcAft>
              <a:defRPr/>
            </a:pPr>
            <a:endParaRPr lang="en-US" sz="900" baseline="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sz="900" b="1" noProof="1">
                <a:solidFill>
                  <a:schemeClr val="tx1"/>
                </a:solidFill>
                <a:latin typeface="Arial" panose="020B0604020202020204" pitchFamily="34" charset="0"/>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Arial" panose="020B0604020202020204" pitchFamily="34" charset="0"/>
                <a:cs typeface="Arial" panose="020B0604020202020204" pitchFamily="34" charset="0"/>
              </a:rPr>
              <a:t>Delete bullet for regular text.</a:t>
            </a:r>
            <a:br>
              <a:rPr lang="en-GB"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bullet button to reaply the correct bullet agai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Arial" panose="020B0604020202020204" pitchFamily="34" charset="0"/>
                <a:cs typeface="Arial" panose="020B0604020202020204" pitchFamily="34" charset="0"/>
              </a:rPr>
            </a:br>
            <a:r>
              <a:rPr lang="en-US" sz="1600" dirty="0">
                <a:latin typeface="Arial" panose="020B0604020202020204" pitchFamily="34" charset="0"/>
                <a:cs typeface="Arial" panose="020B0604020202020204" pitchFamily="34" charset="0"/>
              </a:rPr>
              <a:t>SLIDES &amp; LAYOUTS</a:t>
            </a:r>
            <a:br>
              <a:rPr lang="en-GB" altLang="da-DK" sz="900" b="1" noProof="1">
                <a:solidFill>
                  <a:schemeClr val="tx1"/>
                </a:solidFill>
                <a:latin typeface="Arial" panose="020B0604020202020204" pitchFamily="34" charset="0"/>
                <a:cs typeface="Arial" panose="020B0604020202020204" pitchFamily="34" charset="0"/>
              </a:rPr>
            </a:br>
            <a:br>
              <a:rPr lang="en-GB" altLang="da-DK" sz="900" b="1"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menu </a:t>
            </a:r>
            <a:r>
              <a:rPr lang="en-US" altLang="da-DK" sz="900" b="1" noProof="1">
                <a:solidFill>
                  <a:schemeClr val="tx1"/>
                </a:solidFill>
                <a:latin typeface="Arial" panose="020B0604020202020204" pitchFamily="34" charset="0"/>
                <a:cs typeface="Arial" panose="020B0604020202020204" pitchFamily="34" charset="0"/>
              </a:rPr>
              <a:t>New Slide </a:t>
            </a:r>
            <a:r>
              <a:rPr lang="en-US" altLang="da-DK" sz="900" b="0" noProof="1">
                <a:solidFill>
                  <a:schemeClr val="tx1"/>
                </a:solidFill>
                <a:latin typeface="Arial" panose="020B0604020202020204" pitchFamily="34" charset="0"/>
                <a:cs typeface="Arial" panose="020B0604020202020204" pitchFamily="34" charset="0"/>
              </a:rPr>
              <a:t>in the </a:t>
            </a:r>
            <a:r>
              <a:rPr lang="en-US" altLang="da-DK" sz="900" b="1" noProof="1">
                <a:solidFill>
                  <a:schemeClr val="tx1"/>
                </a:solidFill>
                <a:latin typeface="Arial" panose="020B0604020202020204" pitchFamily="34" charset="0"/>
                <a:cs typeface="Arial" panose="020B0604020202020204" pitchFamily="34" charset="0"/>
              </a:rPr>
              <a:t>Home</a:t>
            </a:r>
            <a:r>
              <a:rPr lang="en-US" altLang="da-DK" sz="900" b="0" noProof="1">
                <a:solidFill>
                  <a:schemeClr val="tx1"/>
                </a:solidFill>
                <a:latin typeface="Arial" panose="020B0604020202020204" pitchFamily="34" charset="0"/>
                <a:cs typeface="Arial" panose="020B0604020202020204" pitchFamily="34" charset="0"/>
              </a:rPr>
              <a:t> tab to insert a new slide</a:t>
            </a:r>
            <a:br>
              <a:rPr lang="en-GB" altLang="da-DK" sz="900" b="0" noProof="1">
                <a:solidFill>
                  <a:schemeClr val="tx1"/>
                </a:solidFill>
                <a:latin typeface="Arial" panose="020B0604020202020204" pitchFamily="34" charset="0"/>
                <a:cs typeface="Arial" panose="020B0604020202020204" pitchFamily="34" charset="0"/>
              </a:rPr>
            </a:br>
            <a:br>
              <a:rPr lang="en-GB" altLang="da-DK" sz="900" b="0" noProof="1">
                <a:solidFill>
                  <a:schemeClr val="tx1"/>
                </a:solidFill>
                <a:latin typeface="Arial" panose="020B0604020202020204" pitchFamily="34" charset="0"/>
                <a:cs typeface="Arial" panose="020B0604020202020204" pitchFamily="34" charset="0"/>
              </a:rPr>
            </a:br>
            <a:r>
              <a:rPr lang="en-US" altLang="da-DK" sz="900" b="1" noProof="1">
                <a:solidFill>
                  <a:schemeClr val="tx1"/>
                </a:solidFill>
                <a:latin typeface="Arial" panose="020B0604020202020204" pitchFamily="34" charset="0"/>
                <a:cs typeface="Arial" panose="020B0604020202020204" pitchFamily="34" charset="0"/>
              </a:rPr>
              <a:t>Change layout</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Click on the arrow next to </a:t>
            </a:r>
            <a:r>
              <a:rPr lang="en-US"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t>Layout</a:t>
            </a:r>
            <a:br>
              <a:rPr lang="en-GB"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b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to view a dropdown menu of possible slide layouts</a:t>
            </a:r>
            <a:br>
              <a:rPr lang="en-GB" altLang="da-DK" sz="900" b="0" baseline="0" noProof="1">
                <a:solidFill>
                  <a:schemeClr val="tx1"/>
                </a:solidFill>
                <a:latin typeface="Arial" panose="020B0604020202020204" pitchFamily="34" charset="0"/>
                <a:cs typeface="Arial" panose="020B0604020202020204" pitchFamily="34" charset="0"/>
              </a:rPr>
            </a:br>
            <a:br>
              <a:rPr lang="en-GB" altLang="da-DK" sz="900" b="0" baseline="0" noProof="1">
                <a:solidFill>
                  <a:schemeClr val="tx1"/>
                </a:solidFill>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Arial" panose="020B0604020202020204" pitchFamily="34" charset="0"/>
                <a:cs typeface="Arial" panose="020B0604020202020204" pitchFamily="34" charset="0"/>
              </a:rPr>
              <a:t>Click the </a:t>
            </a:r>
            <a:r>
              <a:rPr lang="en-US" altLang="da-DK" sz="900" b="1" baseline="0" noProof="1">
                <a:solidFill>
                  <a:schemeClr val="tx1"/>
                </a:solidFill>
                <a:latin typeface="Arial" panose="020B0604020202020204" pitchFamily="34" charset="0"/>
                <a:cs typeface="Arial" panose="020B0604020202020204" pitchFamily="34" charset="0"/>
              </a:rPr>
              <a:t>Reset </a:t>
            </a:r>
            <a:r>
              <a:rPr lang="en-US" altLang="da-DK" sz="900" noProof="1">
                <a:solidFill>
                  <a:schemeClr val="tx1"/>
                </a:solidFill>
                <a:latin typeface="Arial" panose="020B0604020202020204" pitchFamily="34" charset="0"/>
                <a:cs typeface="Arial" panose="020B0604020202020204" pitchFamily="34" charset="0"/>
              </a:rPr>
              <a:t>menu to reset position, size</a:t>
            </a:r>
            <a:r>
              <a:rPr lang="en-US" altLang="da-DK" sz="900" baseline="0" noProof="1">
                <a:solidFill>
                  <a:schemeClr val="tx1"/>
                </a:solidFill>
                <a:latin typeface="Arial" panose="020B0604020202020204" pitchFamily="34" charset="0"/>
                <a:cs typeface="Arial" panose="020B0604020202020204" pitchFamily="34" charset="0"/>
              </a:rPr>
              <a:t> and formatting of the </a:t>
            </a:r>
            <a:br>
              <a:rPr lang="en-GB" altLang="da-DK" sz="900" baseline="0" noProof="1">
                <a:solidFill>
                  <a:schemeClr val="tx1"/>
                </a:solidFill>
                <a:latin typeface="Arial" panose="020B0604020202020204" pitchFamily="34" charset="0"/>
                <a:cs typeface="Arial" panose="020B0604020202020204" pitchFamily="34" charset="0"/>
              </a:rPr>
            </a:br>
            <a:r>
              <a:rPr lang="en-US" altLang="da-DK" sz="900" baseline="0" noProof="1">
                <a:solidFill>
                  <a:schemeClr val="tx1"/>
                </a:solidFill>
                <a:latin typeface="Arial" panose="020B0604020202020204" pitchFamily="34" charset="0"/>
                <a:cs typeface="Arial" panose="020B0604020202020204" pitchFamily="34" charset="0"/>
              </a:rPr>
              <a:t>slide placeholders to their default settings</a:t>
            </a:r>
            <a:endParaRPr lang="en-US" alt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en-US" altLang="da-DK" sz="900" b="0" noProof="1">
              <a:solidFill>
                <a:schemeClr val="tx1"/>
              </a:solidFill>
              <a:latin typeface="Arial" panose="020B0604020202020204" pitchFamily="34" charset="0"/>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859631" y="3322850"/>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860172" y="2599667"/>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254412" y="3118826"/>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866053" y="431340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866053" y="5641555"/>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310433" y="39285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729773" y="1608016"/>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Arial" panose="020B0604020202020204" pitchFamily="34" charset="0"/>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Do this at the very end to apply the changes on all slides</a:t>
            </a:r>
            <a:endParaRPr lang="en-US"/>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Click on </a:t>
            </a:r>
            <a:r>
              <a:rPr lang="en-US" altLang="da-DK" sz="900" b="1" noProof="1">
                <a:solidFill>
                  <a:schemeClr val="tx1"/>
                </a:solidFill>
                <a:latin typeface="Arial" panose="020B0604020202020204" pitchFamily="34" charset="0"/>
                <a:cs typeface="Arial" panose="020B0604020202020204" pitchFamily="34" charset="0"/>
              </a:rPr>
              <a:t>Header and Footer </a:t>
            </a:r>
            <a:r>
              <a:rPr lang="en-US" altLang="da-DK" sz="900" b="0" noProof="1">
                <a:solidFill>
                  <a:schemeClr val="tx1"/>
                </a:solidFill>
                <a:latin typeface="Arial" panose="020B0604020202020204" pitchFamily="34" charset="0"/>
                <a:cs typeface="Arial" panose="020B0604020202020204" pitchFamily="34" charset="0"/>
              </a:rPr>
              <a:t>in the </a:t>
            </a:r>
            <a:r>
              <a:rPr lang="en-US" altLang="da-DK" sz="900" b="1" noProof="1">
                <a:solidFill>
                  <a:schemeClr val="tx1"/>
                </a:solidFill>
                <a:latin typeface="Arial" panose="020B0604020202020204" pitchFamily="34" charset="0"/>
                <a:cs typeface="Arial" panose="020B0604020202020204" pitchFamily="34" charset="0"/>
              </a:rPr>
              <a:t>Insert</a:t>
            </a:r>
            <a:r>
              <a:rPr lang="en-US" altLang="da-DK" sz="900" b="0" noProof="1">
                <a:solidFill>
                  <a:schemeClr val="tx1"/>
                </a:solidFill>
                <a:latin typeface="Arial" panose="020B0604020202020204" pitchFamily="34" charset="0"/>
                <a:cs typeface="Arial" panose="020B0604020202020204" pitchFamily="34" charset="0"/>
              </a:rPr>
              <a:t> tab (write the desired text)</a:t>
            </a:r>
            <a:endParaRPr lang="en-US"/>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Click </a:t>
            </a:r>
            <a:r>
              <a:rPr lang="en-US" altLang="da-DK" sz="900" b="1" noProof="1">
                <a:solidFill>
                  <a:schemeClr val="tx1"/>
                </a:solidFill>
                <a:latin typeface="Arial" panose="020B0604020202020204" pitchFamily="34" charset="0"/>
                <a:cs typeface="Arial" panose="020B0604020202020204" pitchFamily="34" charset="0"/>
              </a:rPr>
              <a:t>Apply to All </a:t>
            </a:r>
            <a:r>
              <a:rPr lang="en-US" altLang="da-DK" sz="900" b="0" noProof="1">
                <a:solidFill>
                  <a:schemeClr val="tx1"/>
                </a:solidFill>
                <a:latin typeface="Arial" panose="020B0604020202020204" pitchFamily="34" charset="0"/>
                <a:cs typeface="Arial" panose="020B0604020202020204" pitchFamily="34" charset="0"/>
              </a:rPr>
              <a:t>or </a:t>
            </a:r>
            <a:r>
              <a:rPr lang="en-US" altLang="da-DK" sz="900" b="1" noProof="1">
                <a:solidFill>
                  <a:schemeClr val="tx1"/>
                </a:solidFill>
                <a:latin typeface="Arial" panose="020B0604020202020204" pitchFamily="34" charset="0"/>
                <a:cs typeface="Arial" panose="020B0604020202020204" pitchFamily="34" charset="0"/>
              </a:rPr>
              <a:t>Apply</a:t>
            </a:r>
            <a:r>
              <a:rPr lang="en-US" altLang="da-DK" sz="900" b="0" noProof="1">
                <a:solidFill>
                  <a:schemeClr val="tx1"/>
                </a:solidFill>
                <a:latin typeface="Arial" panose="020B0604020202020204" pitchFamily="34" charset="0"/>
                <a:cs typeface="Arial" panose="020B0604020202020204" pitchFamily="34" charset="0"/>
              </a:rPr>
              <a:t> if only used on one slide</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GRIDLINES</a:t>
            </a:r>
            <a:endParaRPr lang="en-US" sz="16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Click the </a:t>
            </a:r>
            <a:r>
              <a:rPr lang="en-US" altLang="da-DK" sz="900" b="1" noProof="1">
                <a:solidFill>
                  <a:schemeClr val="tx1"/>
                </a:solidFill>
                <a:latin typeface="Arial" panose="020B0604020202020204" pitchFamily="34" charset="0"/>
                <a:cs typeface="Arial" panose="020B0604020202020204" pitchFamily="34" charset="0"/>
              </a:rPr>
              <a:t>View</a:t>
            </a:r>
            <a:r>
              <a:rPr lang="en-US" altLang="da-DK" sz="900" b="0" noProof="1">
                <a:solidFill>
                  <a:schemeClr val="tx1"/>
                </a:solidFill>
                <a:latin typeface="Arial" panose="020B0604020202020204" pitchFamily="34" charset="0"/>
                <a:cs typeface="Arial" panose="020B0604020202020204" pitchFamily="34" charset="0"/>
              </a:rPr>
              <a:t> tab and set tick mark next to </a:t>
            </a:r>
            <a:r>
              <a:rPr lang="en-US" altLang="da-DK" sz="900" b="1" noProof="1">
                <a:solidFill>
                  <a:schemeClr val="tx1"/>
                </a:solidFill>
                <a:latin typeface="Arial" panose="020B0604020202020204" pitchFamily="34" charset="0"/>
                <a:cs typeface="Arial" panose="020B0604020202020204" pitchFamily="34" charset="0"/>
              </a:rPr>
              <a:t>Guides</a:t>
            </a:r>
            <a:endParaRPr lang="en-US"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lt + F9 </a:t>
            </a:r>
            <a:r>
              <a:rPr lang="en-US" altLang="da-DK" sz="900" b="0" noProof="1">
                <a:solidFill>
                  <a:schemeClr val="tx1"/>
                </a:solidFill>
                <a:latin typeface="Arial" panose="020B0604020202020204" pitchFamily="34" charset="0"/>
                <a:cs typeface="Arial" panose="020B0604020202020204" pitchFamily="34" charset="0"/>
              </a:rPr>
              <a:t>for quick view of guides</a:t>
            </a:r>
            <a:endParaRPr lang="en-US"/>
          </a:p>
          <a:p>
            <a:pPr eaLnBrk="1" hangingPunct="1">
              <a:spcAft>
                <a:spcPts val="600"/>
              </a:spcAft>
              <a:defRPr/>
            </a:pPr>
            <a:endParaRPr lang="en-US"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Arial" panose="020B0604020202020204" pitchFamily="34" charset="0"/>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Arial" panose="020B0604020202020204" pitchFamily="34" charset="0"/>
                <a:cs typeface="Arial" panose="020B0604020202020204" pitchFamily="34" charset="0"/>
              </a:rPr>
              <a:t>Insert predefined slides and elements from the Templafy button. Choose </a:t>
            </a:r>
            <a:r>
              <a:rPr lang="en-US" altLang="da-DK" sz="900" b="1" noProof="1">
                <a:solidFill>
                  <a:schemeClr val="tx1"/>
                </a:solidFill>
                <a:latin typeface="Arial" panose="020B0604020202020204" pitchFamily="34" charset="0"/>
                <a:cs typeface="Arial" panose="020B0604020202020204" pitchFamily="34" charset="0"/>
              </a:rPr>
              <a:t>Slides</a:t>
            </a:r>
            <a:r>
              <a:rPr lang="en-US" altLang="da-DK" sz="900" b="0" noProof="1">
                <a:solidFill>
                  <a:schemeClr val="tx1"/>
                </a:solidFill>
                <a:latin typeface="Arial" panose="020B0604020202020204" pitchFamily="34" charset="0"/>
                <a:cs typeface="Arial" panose="020B0604020202020204" pitchFamily="34" charset="0"/>
              </a:rPr>
              <a:t> and </a:t>
            </a:r>
            <a:r>
              <a:rPr lang="en-US" altLang="da-DK" sz="900" b="1" noProof="1">
                <a:solidFill>
                  <a:schemeClr val="tx1"/>
                </a:solidFill>
                <a:latin typeface="Arial" panose="020B0604020202020204" pitchFamily="34" charset="0"/>
                <a:cs typeface="Arial" panose="020B0604020202020204" pitchFamily="34" charset="0"/>
              </a:rPr>
              <a:t>Slide elements </a:t>
            </a:r>
            <a:r>
              <a:rPr lang="en-US" altLang="da-DK" sz="900" b="0" noProof="1">
                <a:solidFill>
                  <a:schemeClr val="tx1"/>
                </a:solidFill>
                <a:latin typeface="Arial" panose="020B0604020202020204" pitchFamily="34" charset="0"/>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Arial" panose="020B0604020202020204" pitchFamily="34" charset="0"/>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Arial" panose="020B0604020202020204" pitchFamily="34" charset="0"/>
                <a:cs typeface="Arial" panose="020B0604020202020204" pitchFamily="34" charset="0"/>
              </a:rPr>
              <a:t>TIPS &amp; TRICKS - YOUR USER GUIDE</a:t>
            </a:r>
            <a:endParaRPr lang="en-US"/>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266198"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866052" y="5077014"/>
            <a:ext cx="475428" cy="176762"/>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0" y="658800"/>
            <a:ext cx="6206400" cy="1245600"/>
          </a:xfrm>
          <a:solidFill>
            <a:schemeClr val="bg1"/>
          </a:solidFill>
        </p:spPr>
        <p:txBody>
          <a:bodyPr lIns="612000" tIns="360000" rIns="216000" bIns="144000"/>
          <a:lstStyle>
            <a:lvl1pPr>
              <a:defRPr>
                <a:solidFill>
                  <a:schemeClr val="accent1"/>
                </a:solidFill>
              </a:defRPr>
            </a:lvl1pPr>
          </a:lstStyle>
          <a:p>
            <a:r>
              <a:rPr lang="en-US" noProof="0" dirty="0"/>
              <a:t>Click to add agenda</a:t>
            </a:r>
            <a:endParaRPr lang="en-US"/>
          </a:p>
        </p:txBody>
      </p:sp>
      <p:sp>
        <p:nvSpPr>
          <p:cNvPr id="7" name="Text Placeholder 2"/>
          <p:cNvSpPr>
            <a:spLocks noGrp="1"/>
          </p:cNvSpPr>
          <p:nvPr>
            <p:ph type="body" sz="quarter" idx="13" hasCustomPrompt="1"/>
          </p:nvPr>
        </p:nvSpPr>
        <p:spPr>
          <a:xfrm>
            <a:off x="1573213" y="2336799"/>
            <a:ext cx="4413250" cy="457201"/>
          </a:xfrm>
        </p:spPr>
        <p:txBody>
          <a:bodyPr/>
          <a:lstStyle>
            <a:lvl1pPr marL="0" indent="0">
              <a:spcAft>
                <a:spcPts val="1200"/>
              </a:spcAft>
              <a:buFont typeface="Arial" panose="020B0604020202020204" pitchFamily="34" charset="0"/>
              <a:buNone/>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 tab for highligh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9" name="Footer Placeholder 8">
            <a:extLst>
              <a:ext uri="{FF2B5EF4-FFF2-40B4-BE49-F238E27FC236}">
                <a16:creationId xmlns:a16="http://schemas.microsoft.com/office/drawing/2014/main" id="{83F1B49C-8EDD-4326-AD14-38D7B2C7AC1E}"/>
              </a:ext>
            </a:extLst>
          </p:cNvPr>
          <p:cNvSpPr>
            <a:spLocks noGrp="1"/>
          </p:cNvSpPr>
          <p:nvPr>
            <p:ph type="ftr" sz="quarter" idx="15"/>
          </p:nvPr>
        </p:nvSpPr>
        <p:spPr/>
        <p:txBody>
          <a:bodyPr/>
          <a:lstStyle>
            <a:lvl1pPr>
              <a:defRPr>
                <a:solidFill>
                  <a:schemeClr val="bg1"/>
                </a:solidFill>
              </a:defRPr>
            </a:lvl1p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7286CBCF-60EB-488A-9348-A7967F11649E}"/>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cxnSp>
        <p:nvCxnSpPr>
          <p:cNvPr id="11" name="Straight Connector 10">
            <a:extLst>
              <a:ext uri="{FF2B5EF4-FFF2-40B4-BE49-F238E27FC236}">
                <a16:creationId xmlns:a16="http://schemas.microsoft.com/office/drawing/2014/main" id="{AC7D7785-96CC-47E3-8CF0-07D5B0BA3213}"/>
              </a:ext>
            </a:extLst>
          </p:cNvPr>
          <p:cNvCxnSpPr/>
          <p:nvPr userDrawn="1"/>
        </p:nvCxnSpPr>
        <p:spPr>
          <a:xfrm>
            <a:off x="11124763" y="274014"/>
            <a:ext cx="0" cy="125517"/>
          </a:xfrm>
          <a:prstGeom prst="line">
            <a:avLst/>
          </a:prstGeom>
          <a:ln w="9525">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Text Placeholder 12">
            <a:extLst>
              <a:ext uri="{FF2B5EF4-FFF2-40B4-BE49-F238E27FC236}">
                <a16:creationId xmlns:a16="http://schemas.microsoft.com/office/drawing/2014/main" id="{4D74C48E-B4DC-4123-9080-7447D0DF6F2F}"/>
              </a:ext>
            </a:extLst>
          </p:cNvPr>
          <p:cNvSpPr>
            <a:spLocks noGrp="1"/>
          </p:cNvSpPr>
          <p:nvPr>
            <p:ph type="body" sz="quarter" idx="17" hasCustomPrompt="1"/>
          </p:nvPr>
        </p:nvSpPr>
        <p:spPr>
          <a:xfrm>
            <a:off x="647700" y="233680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5" name="Text Placeholder 2">
            <a:extLst>
              <a:ext uri="{FF2B5EF4-FFF2-40B4-BE49-F238E27FC236}">
                <a16:creationId xmlns:a16="http://schemas.microsoft.com/office/drawing/2014/main" id="{E46CEDC0-4D88-45E3-9034-F610F62D97C6}"/>
              </a:ext>
            </a:extLst>
          </p:cNvPr>
          <p:cNvSpPr>
            <a:spLocks noGrp="1"/>
          </p:cNvSpPr>
          <p:nvPr>
            <p:ph type="body" sz="quarter" idx="20" hasCustomPrompt="1"/>
          </p:nvPr>
        </p:nvSpPr>
        <p:spPr>
          <a:xfrm>
            <a:off x="1573213" y="3153774"/>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6" name="Text Placeholder 12">
            <a:extLst>
              <a:ext uri="{FF2B5EF4-FFF2-40B4-BE49-F238E27FC236}">
                <a16:creationId xmlns:a16="http://schemas.microsoft.com/office/drawing/2014/main" id="{075E54A4-FF11-43D5-9581-8069076ADC8A}"/>
              </a:ext>
            </a:extLst>
          </p:cNvPr>
          <p:cNvSpPr>
            <a:spLocks noGrp="1"/>
          </p:cNvSpPr>
          <p:nvPr>
            <p:ph type="body" sz="quarter" idx="21" hasCustomPrompt="1"/>
          </p:nvPr>
        </p:nvSpPr>
        <p:spPr>
          <a:xfrm>
            <a:off x="647700" y="3153774"/>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7" name="Text Placeholder 2">
            <a:extLst>
              <a:ext uri="{FF2B5EF4-FFF2-40B4-BE49-F238E27FC236}">
                <a16:creationId xmlns:a16="http://schemas.microsoft.com/office/drawing/2014/main" id="{01518630-9442-4697-9BA4-C5BFECF38A6A}"/>
              </a:ext>
            </a:extLst>
          </p:cNvPr>
          <p:cNvSpPr>
            <a:spLocks noGrp="1"/>
          </p:cNvSpPr>
          <p:nvPr>
            <p:ph type="body" sz="quarter" idx="22" hasCustomPrompt="1"/>
          </p:nvPr>
        </p:nvSpPr>
        <p:spPr>
          <a:xfrm>
            <a:off x="1573213" y="3970521"/>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8" name="Text Placeholder 12">
            <a:extLst>
              <a:ext uri="{FF2B5EF4-FFF2-40B4-BE49-F238E27FC236}">
                <a16:creationId xmlns:a16="http://schemas.microsoft.com/office/drawing/2014/main" id="{2CF1A276-14F4-462C-AA25-54417D7095CA}"/>
              </a:ext>
            </a:extLst>
          </p:cNvPr>
          <p:cNvSpPr>
            <a:spLocks noGrp="1"/>
          </p:cNvSpPr>
          <p:nvPr>
            <p:ph type="body" sz="quarter" idx="23" hasCustomPrompt="1"/>
          </p:nvPr>
        </p:nvSpPr>
        <p:spPr>
          <a:xfrm>
            <a:off x="647700" y="3970521"/>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9" name="Text Placeholder 2">
            <a:extLst>
              <a:ext uri="{FF2B5EF4-FFF2-40B4-BE49-F238E27FC236}">
                <a16:creationId xmlns:a16="http://schemas.microsoft.com/office/drawing/2014/main" id="{7FB73550-636A-48B4-A9D5-ADB23B7A5485}"/>
              </a:ext>
            </a:extLst>
          </p:cNvPr>
          <p:cNvSpPr>
            <a:spLocks noGrp="1"/>
          </p:cNvSpPr>
          <p:nvPr>
            <p:ph type="body" sz="quarter" idx="24" hasCustomPrompt="1"/>
          </p:nvPr>
        </p:nvSpPr>
        <p:spPr>
          <a:xfrm>
            <a:off x="1573213" y="4790685"/>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0" name="Text Placeholder 12">
            <a:extLst>
              <a:ext uri="{FF2B5EF4-FFF2-40B4-BE49-F238E27FC236}">
                <a16:creationId xmlns:a16="http://schemas.microsoft.com/office/drawing/2014/main" id="{5769EF46-1E2C-44E0-A767-61CE9BAA51CD}"/>
              </a:ext>
            </a:extLst>
          </p:cNvPr>
          <p:cNvSpPr>
            <a:spLocks noGrp="1"/>
          </p:cNvSpPr>
          <p:nvPr>
            <p:ph type="body" sz="quarter" idx="25" hasCustomPrompt="1"/>
          </p:nvPr>
        </p:nvSpPr>
        <p:spPr>
          <a:xfrm>
            <a:off x="647700" y="4790685"/>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21" name="Text Placeholder 2">
            <a:extLst>
              <a:ext uri="{FF2B5EF4-FFF2-40B4-BE49-F238E27FC236}">
                <a16:creationId xmlns:a16="http://schemas.microsoft.com/office/drawing/2014/main" id="{BE401D47-D8D5-454A-BAF7-1F29C2BB2FFF}"/>
              </a:ext>
            </a:extLst>
          </p:cNvPr>
          <p:cNvSpPr>
            <a:spLocks noGrp="1"/>
          </p:cNvSpPr>
          <p:nvPr>
            <p:ph type="body" sz="quarter" idx="26" hasCustomPrompt="1"/>
          </p:nvPr>
        </p:nvSpPr>
        <p:spPr>
          <a:xfrm>
            <a:off x="1573213" y="5603870"/>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2" name="Text Placeholder 12">
            <a:extLst>
              <a:ext uri="{FF2B5EF4-FFF2-40B4-BE49-F238E27FC236}">
                <a16:creationId xmlns:a16="http://schemas.microsoft.com/office/drawing/2014/main" id="{FEBA7DB9-CE42-4E83-B145-066E18A1FEE0}"/>
              </a:ext>
            </a:extLst>
          </p:cNvPr>
          <p:cNvSpPr>
            <a:spLocks noGrp="1"/>
          </p:cNvSpPr>
          <p:nvPr>
            <p:ph type="body" sz="quarter" idx="27" hasCustomPrompt="1"/>
          </p:nvPr>
        </p:nvSpPr>
        <p:spPr>
          <a:xfrm>
            <a:off x="647700" y="560387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25" name="Text Placeholder 2">
            <a:extLst>
              <a:ext uri="{FF2B5EF4-FFF2-40B4-BE49-F238E27FC236}">
                <a16:creationId xmlns:a16="http://schemas.microsoft.com/office/drawing/2014/main" id="{49124B6D-459B-4905-8D29-DC0DEAC6FF6F}"/>
              </a:ext>
            </a:extLst>
          </p:cNvPr>
          <p:cNvSpPr>
            <a:spLocks noGrp="1"/>
          </p:cNvSpPr>
          <p:nvPr>
            <p:ph type="body" sz="quarter" idx="28" hasCustomPrompt="1"/>
          </p:nvPr>
        </p:nvSpPr>
        <p:spPr>
          <a:xfrm>
            <a:off x="7129463" y="2336799"/>
            <a:ext cx="4413250" cy="457201"/>
          </a:xfrm>
        </p:spPr>
        <p:txBody>
          <a:bodyPr/>
          <a:lstStyle>
            <a:lvl1pPr marL="0" indent="0">
              <a:spcAft>
                <a:spcPts val="1200"/>
              </a:spcAft>
              <a:buFont typeface="Arial" panose="020B0604020202020204" pitchFamily="34" charset="0"/>
              <a:buNone/>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 tab for highligh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6" name="Text Placeholder 12">
            <a:extLst>
              <a:ext uri="{FF2B5EF4-FFF2-40B4-BE49-F238E27FC236}">
                <a16:creationId xmlns:a16="http://schemas.microsoft.com/office/drawing/2014/main" id="{12AE8A63-241E-421D-9B89-8DE0F91504B7}"/>
              </a:ext>
            </a:extLst>
          </p:cNvPr>
          <p:cNvSpPr>
            <a:spLocks noGrp="1"/>
          </p:cNvSpPr>
          <p:nvPr>
            <p:ph type="body" sz="quarter" idx="29" hasCustomPrompt="1"/>
          </p:nvPr>
        </p:nvSpPr>
        <p:spPr>
          <a:xfrm>
            <a:off x="6203950" y="233680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27" name="Text Placeholder 2">
            <a:extLst>
              <a:ext uri="{FF2B5EF4-FFF2-40B4-BE49-F238E27FC236}">
                <a16:creationId xmlns:a16="http://schemas.microsoft.com/office/drawing/2014/main" id="{A6671283-C6CD-42E4-9A77-222C040A5CF4}"/>
              </a:ext>
            </a:extLst>
          </p:cNvPr>
          <p:cNvSpPr>
            <a:spLocks noGrp="1"/>
          </p:cNvSpPr>
          <p:nvPr>
            <p:ph type="body" sz="quarter" idx="30" hasCustomPrompt="1"/>
          </p:nvPr>
        </p:nvSpPr>
        <p:spPr>
          <a:xfrm>
            <a:off x="7129463" y="3153774"/>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8" name="Text Placeholder 12">
            <a:extLst>
              <a:ext uri="{FF2B5EF4-FFF2-40B4-BE49-F238E27FC236}">
                <a16:creationId xmlns:a16="http://schemas.microsoft.com/office/drawing/2014/main" id="{C604B6B2-DC97-4406-A4C5-D62DFB7EDA66}"/>
              </a:ext>
            </a:extLst>
          </p:cNvPr>
          <p:cNvSpPr>
            <a:spLocks noGrp="1"/>
          </p:cNvSpPr>
          <p:nvPr>
            <p:ph type="body" sz="quarter" idx="31" hasCustomPrompt="1"/>
          </p:nvPr>
        </p:nvSpPr>
        <p:spPr>
          <a:xfrm>
            <a:off x="6203950" y="3153774"/>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29" name="Text Placeholder 2">
            <a:extLst>
              <a:ext uri="{FF2B5EF4-FFF2-40B4-BE49-F238E27FC236}">
                <a16:creationId xmlns:a16="http://schemas.microsoft.com/office/drawing/2014/main" id="{D9B6183A-42E2-405F-8B6D-C0EEE12B7904}"/>
              </a:ext>
            </a:extLst>
          </p:cNvPr>
          <p:cNvSpPr>
            <a:spLocks noGrp="1"/>
          </p:cNvSpPr>
          <p:nvPr>
            <p:ph type="body" sz="quarter" idx="32" hasCustomPrompt="1"/>
          </p:nvPr>
        </p:nvSpPr>
        <p:spPr>
          <a:xfrm>
            <a:off x="7129463" y="3970521"/>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0" name="Text Placeholder 12">
            <a:extLst>
              <a:ext uri="{FF2B5EF4-FFF2-40B4-BE49-F238E27FC236}">
                <a16:creationId xmlns:a16="http://schemas.microsoft.com/office/drawing/2014/main" id="{9419D887-AA37-4FC3-8E5C-EDC77BB368A4}"/>
              </a:ext>
            </a:extLst>
          </p:cNvPr>
          <p:cNvSpPr>
            <a:spLocks noGrp="1"/>
          </p:cNvSpPr>
          <p:nvPr>
            <p:ph type="body" sz="quarter" idx="33" hasCustomPrompt="1"/>
          </p:nvPr>
        </p:nvSpPr>
        <p:spPr>
          <a:xfrm>
            <a:off x="6203950" y="3970521"/>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31" name="Text Placeholder 2">
            <a:extLst>
              <a:ext uri="{FF2B5EF4-FFF2-40B4-BE49-F238E27FC236}">
                <a16:creationId xmlns:a16="http://schemas.microsoft.com/office/drawing/2014/main" id="{27A56A82-2518-42AA-A1F2-512CC9DE1461}"/>
              </a:ext>
            </a:extLst>
          </p:cNvPr>
          <p:cNvSpPr>
            <a:spLocks noGrp="1"/>
          </p:cNvSpPr>
          <p:nvPr>
            <p:ph type="body" sz="quarter" idx="34" hasCustomPrompt="1"/>
          </p:nvPr>
        </p:nvSpPr>
        <p:spPr>
          <a:xfrm>
            <a:off x="7129463" y="4790685"/>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2" name="Text Placeholder 12">
            <a:extLst>
              <a:ext uri="{FF2B5EF4-FFF2-40B4-BE49-F238E27FC236}">
                <a16:creationId xmlns:a16="http://schemas.microsoft.com/office/drawing/2014/main" id="{3293AE8D-9A1F-4F2E-91B1-232114EC244F}"/>
              </a:ext>
            </a:extLst>
          </p:cNvPr>
          <p:cNvSpPr>
            <a:spLocks noGrp="1"/>
          </p:cNvSpPr>
          <p:nvPr>
            <p:ph type="body" sz="quarter" idx="35" hasCustomPrompt="1"/>
          </p:nvPr>
        </p:nvSpPr>
        <p:spPr>
          <a:xfrm>
            <a:off x="6203950" y="4790685"/>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33" name="Text Placeholder 2">
            <a:extLst>
              <a:ext uri="{FF2B5EF4-FFF2-40B4-BE49-F238E27FC236}">
                <a16:creationId xmlns:a16="http://schemas.microsoft.com/office/drawing/2014/main" id="{E85E05E2-C433-4ACA-80A5-E229C490745D}"/>
              </a:ext>
            </a:extLst>
          </p:cNvPr>
          <p:cNvSpPr>
            <a:spLocks noGrp="1"/>
          </p:cNvSpPr>
          <p:nvPr>
            <p:ph type="body" sz="quarter" idx="36" hasCustomPrompt="1"/>
          </p:nvPr>
        </p:nvSpPr>
        <p:spPr>
          <a:xfrm>
            <a:off x="7129463" y="5603870"/>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4" name="Text Placeholder 12">
            <a:extLst>
              <a:ext uri="{FF2B5EF4-FFF2-40B4-BE49-F238E27FC236}">
                <a16:creationId xmlns:a16="http://schemas.microsoft.com/office/drawing/2014/main" id="{EADB9040-661A-4798-9359-941E26C0BEB7}"/>
              </a:ext>
            </a:extLst>
          </p:cNvPr>
          <p:cNvSpPr>
            <a:spLocks noGrp="1"/>
          </p:cNvSpPr>
          <p:nvPr>
            <p:ph type="body" sz="quarter" idx="37" hasCustomPrompt="1"/>
          </p:nvPr>
        </p:nvSpPr>
        <p:spPr>
          <a:xfrm>
            <a:off x="6203950" y="560387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Tree>
    <p:extLst>
      <p:ext uri="{BB962C8B-B14F-4D97-AF65-F5344CB8AC3E}">
        <p14:creationId xmlns:p14="http://schemas.microsoft.com/office/powerpoint/2010/main" val="219831753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GB"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GB" sz="1800" b="0" noProof="0" dirty="0">
                <a:solidFill>
                  <a:schemeClr val="bg1"/>
                </a:solidFill>
              </a:rPr>
            </a:br>
            <a:endParaRPr lang="en-US" sz="1800" b="0" noProof="0" dirty="0">
              <a:solidFill>
                <a:schemeClr val="bg1"/>
              </a:solidFill>
            </a:endParaRPr>
          </a:p>
        </p:txBody>
      </p:sp>
    </p:spTree>
    <p:extLst>
      <p:ext uri="{BB962C8B-B14F-4D97-AF65-F5344CB8AC3E}">
        <p14:creationId xmlns:p14="http://schemas.microsoft.com/office/powerpoint/2010/main" val="16531462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122B038-DA79-4F73-A1EF-00D31025F885}"/>
              </a:ext>
            </a:extLst>
          </p:cNvPr>
          <p:cNvSpPr>
            <a:spLocks noGrp="1"/>
          </p:cNvSpPr>
          <p:nvPr>
            <p:ph type="pic" sz="quarter" idx="18" hasCustomPrompt="1"/>
          </p:nvPr>
        </p:nvSpPr>
        <p:spPr>
          <a:xfrm>
            <a:off x="5985600" y="0"/>
            <a:ext cx="6206400" cy="6858000"/>
          </a:xfrm>
          <a:solidFill>
            <a:schemeClr val="bg2"/>
          </a:solidFill>
        </p:spPr>
        <p:txBody>
          <a:bodyPr bIns="720000" anchor="ctr"/>
          <a:lstStyle>
            <a:lvl1pPr marL="0" indent="0" algn="ctr">
              <a:buNone/>
              <a:defRPr>
                <a:solidFill>
                  <a:schemeClr val="bg1"/>
                </a:solidFill>
              </a:defRPr>
            </a:lvl1pPr>
          </a:lstStyle>
          <a:p>
            <a:r>
              <a:rPr lang="en-US" dirty="0"/>
              <a:t>Click here and add image from Templafy</a:t>
            </a:r>
            <a:endParaRPr lang="en-US"/>
          </a:p>
        </p:txBody>
      </p:sp>
      <p:sp>
        <p:nvSpPr>
          <p:cNvPr id="2" name="Title 1"/>
          <p:cNvSpPr>
            <a:spLocks noGrp="1"/>
          </p:cNvSpPr>
          <p:nvPr>
            <p:ph type="title" hasCustomPrompt="1"/>
          </p:nvPr>
        </p:nvSpPr>
        <p:spPr>
          <a:xfrm>
            <a:off x="0" y="658800"/>
            <a:ext cx="6206400" cy="1245600"/>
          </a:xfrm>
          <a:solidFill>
            <a:schemeClr val="bg1"/>
          </a:solidFill>
        </p:spPr>
        <p:txBody>
          <a:bodyPr lIns="612000" tIns="360000" rIns="216000" bIns="144000"/>
          <a:lstStyle>
            <a:lvl1pPr>
              <a:defRPr>
                <a:solidFill>
                  <a:schemeClr val="accent1"/>
                </a:solidFill>
              </a:defRPr>
            </a:lvl1pPr>
          </a:lstStyle>
          <a:p>
            <a:r>
              <a:rPr lang="en-US" noProof="0" dirty="0"/>
              <a:t>Click to add agenda</a:t>
            </a:r>
            <a:endParaRPr lang="en-US"/>
          </a:p>
        </p:txBody>
      </p:sp>
      <p:sp>
        <p:nvSpPr>
          <p:cNvPr id="9" name="Footer Placeholder 8">
            <a:extLst>
              <a:ext uri="{FF2B5EF4-FFF2-40B4-BE49-F238E27FC236}">
                <a16:creationId xmlns:a16="http://schemas.microsoft.com/office/drawing/2014/main" id="{83F1B49C-8EDD-4326-AD14-38D7B2C7AC1E}"/>
              </a:ext>
            </a:extLst>
          </p:cNvPr>
          <p:cNvSpPr>
            <a:spLocks noGrp="1"/>
          </p:cNvSpPr>
          <p:nvPr>
            <p:ph type="ftr" sz="quarter" idx="15"/>
          </p:nvPr>
        </p:nvSpPr>
        <p:spPr/>
        <p:txBody>
          <a:bodyPr/>
          <a:lstStyle>
            <a:lvl1pPr>
              <a:defRPr>
                <a:solidFill>
                  <a:schemeClr val="bg1"/>
                </a:solidFill>
              </a:defRPr>
            </a:lvl1p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7286CBCF-60EB-488A-9348-A7967F11649E}"/>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2" name="Text Placeholder 17">
            <a:extLst>
              <a:ext uri="{FF2B5EF4-FFF2-40B4-BE49-F238E27FC236}">
                <a16:creationId xmlns:a16="http://schemas.microsoft.com/office/drawing/2014/main" id="{257B7025-86C6-444C-9F53-BBB79D6E7226}"/>
              </a:ext>
            </a:extLst>
          </p:cNvPr>
          <p:cNvSpPr>
            <a:spLocks noGrp="1"/>
          </p:cNvSpPr>
          <p:nvPr>
            <p:ph type="body" sz="quarter" idx="19"/>
          </p:nvPr>
        </p:nvSpPr>
        <p:spPr>
          <a:xfrm>
            <a:off x="11119238" y="274014"/>
            <a:ext cx="10800" cy="126000"/>
          </a:xfrm>
          <a:solidFill>
            <a:schemeClr val="bg1"/>
          </a:solidFill>
        </p:spPr>
        <p:txBody>
          <a:bodyPr/>
          <a:lstStyle>
            <a:lvl1pPr marL="0" indent="0">
              <a:buNone/>
              <a:defRPr sz="100">
                <a:noFill/>
              </a:defRPr>
            </a:lvl1pPr>
          </a:lstStyle>
          <a:p>
            <a:pPr lvl="0"/>
            <a:r>
              <a:rPr lang="en-US"/>
              <a:t>Click to edit Master text styles</a:t>
            </a:r>
          </a:p>
        </p:txBody>
      </p:sp>
      <p:sp>
        <p:nvSpPr>
          <p:cNvPr id="11" name="Text Placeholder 2">
            <a:extLst>
              <a:ext uri="{FF2B5EF4-FFF2-40B4-BE49-F238E27FC236}">
                <a16:creationId xmlns:a16="http://schemas.microsoft.com/office/drawing/2014/main" id="{D700400D-3693-47D5-B719-23F8141C0902}"/>
              </a:ext>
            </a:extLst>
          </p:cNvPr>
          <p:cNvSpPr>
            <a:spLocks noGrp="1"/>
          </p:cNvSpPr>
          <p:nvPr>
            <p:ph type="body" sz="quarter" idx="13" hasCustomPrompt="1"/>
          </p:nvPr>
        </p:nvSpPr>
        <p:spPr>
          <a:xfrm>
            <a:off x="1573213" y="2336799"/>
            <a:ext cx="4413250" cy="457201"/>
          </a:xfrm>
        </p:spPr>
        <p:txBody>
          <a:bodyPr/>
          <a:lstStyle>
            <a:lvl1pPr marL="0" indent="0">
              <a:spcAft>
                <a:spcPts val="1200"/>
              </a:spcAft>
              <a:buFont typeface="Arial" panose="020B0604020202020204" pitchFamily="34" charset="0"/>
              <a:buNone/>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 tab for highligh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Text Placeholder 12">
            <a:extLst>
              <a:ext uri="{FF2B5EF4-FFF2-40B4-BE49-F238E27FC236}">
                <a16:creationId xmlns:a16="http://schemas.microsoft.com/office/drawing/2014/main" id="{4D18CD4B-F59D-4EB6-B091-552FA51E7443}"/>
              </a:ext>
            </a:extLst>
          </p:cNvPr>
          <p:cNvSpPr>
            <a:spLocks noGrp="1"/>
          </p:cNvSpPr>
          <p:nvPr>
            <p:ph type="body" sz="quarter" idx="17" hasCustomPrompt="1"/>
          </p:nvPr>
        </p:nvSpPr>
        <p:spPr>
          <a:xfrm>
            <a:off x="647700" y="233680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5" name="Text Placeholder 2">
            <a:extLst>
              <a:ext uri="{FF2B5EF4-FFF2-40B4-BE49-F238E27FC236}">
                <a16:creationId xmlns:a16="http://schemas.microsoft.com/office/drawing/2014/main" id="{71684332-7EDA-4227-B49C-EADEEF92B890}"/>
              </a:ext>
            </a:extLst>
          </p:cNvPr>
          <p:cNvSpPr>
            <a:spLocks noGrp="1"/>
          </p:cNvSpPr>
          <p:nvPr>
            <p:ph type="body" sz="quarter" idx="20" hasCustomPrompt="1"/>
          </p:nvPr>
        </p:nvSpPr>
        <p:spPr>
          <a:xfrm>
            <a:off x="1573213" y="3153774"/>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6" name="Text Placeholder 12">
            <a:extLst>
              <a:ext uri="{FF2B5EF4-FFF2-40B4-BE49-F238E27FC236}">
                <a16:creationId xmlns:a16="http://schemas.microsoft.com/office/drawing/2014/main" id="{5A029CA3-9365-400E-8915-A3BDD6AA06A1}"/>
              </a:ext>
            </a:extLst>
          </p:cNvPr>
          <p:cNvSpPr>
            <a:spLocks noGrp="1"/>
          </p:cNvSpPr>
          <p:nvPr>
            <p:ph type="body" sz="quarter" idx="21" hasCustomPrompt="1"/>
          </p:nvPr>
        </p:nvSpPr>
        <p:spPr>
          <a:xfrm>
            <a:off x="647700" y="3153774"/>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7" name="Text Placeholder 2">
            <a:extLst>
              <a:ext uri="{FF2B5EF4-FFF2-40B4-BE49-F238E27FC236}">
                <a16:creationId xmlns:a16="http://schemas.microsoft.com/office/drawing/2014/main" id="{C69A245D-E80C-4EBF-9AF4-0CE62448A3D1}"/>
              </a:ext>
            </a:extLst>
          </p:cNvPr>
          <p:cNvSpPr>
            <a:spLocks noGrp="1"/>
          </p:cNvSpPr>
          <p:nvPr>
            <p:ph type="body" sz="quarter" idx="22" hasCustomPrompt="1"/>
          </p:nvPr>
        </p:nvSpPr>
        <p:spPr>
          <a:xfrm>
            <a:off x="1573213" y="3970521"/>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8" name="Text Placeholder 12">
            <a:extLst>
              <a:ext uri="{FF2B5EF4-FFF2-40B4-BE49-F238E27FC236}">
                <a16:creationId xmlns:a16="http://schemas.microsoft.com/office/drawing/2014/main" id="{28FBA67F-82B1-4C55-98D5-C7745BAD1E30}"/>
              </a:ext>
            </a:extLst>
          </p:cNvPr>
          <p:cNvSpPr>
            <a:spLocks noGrp="1"/>
          </p:cNvSpPr>
          <p:nvPr>
            <p:ph type="body" sz="quarter" idx="23" hasCustomPrompt="1"/>
          </p:nvPr>
        </p:nvSpPr>
        <p:spPr>
          <a:xfrm>
            <a:off x="647700" y="3970521"/>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19" name="Text Placeholder 2">
            <a:extLst>
              <a:ext uri="{FF2B5EF4-FFF2-40B4-BE49-F238E27FC236}">
                <a16:creationId xmlns:a16="http://schemas.microsoft.com/office/drawing/2014/main" id="{C891B4A8-66A1-43CC-BE1C-67D2828BD339}"/>
              </a:ext>
            </a:extLst>
          </p:cNvPr>
          <p:cNvSpPr>
            <a:spLocks noGrp="1"/>
          </p:cNvSpPr>
          <p:nvPr>
            <p:ph type="body" sz="quarter" idx="24" hasCustomPrompt="1"/>
          </p:nvPr>
        </p:nvSpPr>
        <p:spPr>
          <a:xfrm>
            <a:off x="1573213" y="4790685"/>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0" name="Text Placeholder 12">
            <a:extLst>
              <a:ext uri="{FF2B5EF4-FFF2-40B4-BE49-F238E27FC236}">
                <a16:creationId xmlns:a16="http://schemas.microsoft.com/office/drawing/2014/main" id="{955675B3-0C0F-40A7-8573-48E7C18848F2}"/>
              </a:ext>
            </a:extLst>
          </p:cNvPr>
          <p:cNvSpPr>
            <a:spLocks noGrp="1"/>
          </p:cNvSpPr>
          <p:nvPr>
            <p:ph type="body" sz="quarter" idx="25" hasCustomPrompt="1"/>
          </p:nvPr>
        </p:nvSpPr>
        <p:spPr>
          <a:xfrm>
            <a:off x="647700" y="4790685"/>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
        <p:nvSpPr>
          <p:cNvPr id="21" name="Text Placeholder 2">
            <a:extLst>
              <a:ext uri="{FF2B5EF4-FFF2-40B4-BE49-F238E27FC236}">
                <a16:creationId xmlns:a16="http://schemas.microsoft.com/office/drawing/2014/main" id="{1B3DB0C3-4C9B-46BE-A07F-896A46A6231D}"/>
              </a:ext>
            </a:extLst>
          </p:cNvPr>
          <p:cNvSpPr>
            <a:spLocks noGrp="1"/>
          </p:cNvSpPr>
          <p:nvPr>
            <p:ph type="body" sz="quarter" idx="26" hasCustomPrompt="1"/>
          </p:nvPr>
        </p:nvSpPr>
        <p:spPr>
          <a:xfrm>
            <a:off x="1573213" y="5603870"/>
            <a:ext cx="4413250" cy="457201"/>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0" indent="0">
              <a:spcBef>
                <a:spcPts val="300"/>
              </a:spcBef>
              <a:spcAft>
                <a:spcPts val="1200"/>
              </a:spcAft>
              <a:buFont typeface="Arial" panose="020B0604020202020204" pitchFamily="34" charset="0"/>
              <a:buChar char="​"/>
              <a:defRPr sz="2800" b="0">
                <a:solidFill>
                  <a:schemeClr val="accent3"/>
                </a:solidFill>
                <a:latin typeface="+mj-lt"/>
              </a:defRPr>
            </a:lvl2pPr>
            <a:lvl3pPr marL="0" indent="0">
              <a:spcBef>
                <a:spcPts val="300"/>
              </a:spcBef>
              <a:spcAft>
                <a:spcPts val="1200"/>
              </a:spcAft>
              <a:buFont typeface="Arial" panose="020B0604020202020204" pitchFamily="34" charset="0"/>
              <a:buChar char="​"/>
              <a:defRPr sz="2800" b="0">
                <a:solidFill>
                  <a:schemeClr val="bg1"/>
                </a:solidFill>
                <a:latin typeface="+mj-lt"/>
              </a:defRPr>
            </a:lvl3pPr>
            <a:lvl4pPr marL="0" indent="0">
              <a:spcBef>
                <a:spcPts val="300"/>
              </a:spcBef>
              <a:spcAft>
                <a:spcPts val="1200"/>
              </a:spcAft>
              <a:buFont typeface="Arial" panose="020B0604020202020204" pitchFamily="34" charset="0"/>
              <a:buChar char="​"/>
              <a:defRPr sz="2800" b="0">
                <a:solidFill>
                  <a:schemeClr val="accent3"/>
                </a:solidFill>
                <a:latin typeface="+mj-lt"/>
              </a:defRPr>
            </a:lvl4pPr>
            <a:lvl5pPr marL="0" indent="0">
              <a:spcBef>
                <a:spcPts val="300"/>
              </a:spcBef>
              <a:spcAft>
                <a:spcPts val="1200"/>
              </a:spcAft>
              <a:buFont typeface="Arial" panose="020B0604020202020204" pitchFamily="34" charset="0"/>
              <a:buChar char="​"/>
              <a:defRPr sz="2800" b="0">
                <a:solidFill>
                  <a:schemeClr val="bg1"/>
                </a:solidFill>
                <a:latin typeface="+mj-lt"/>
              </a:defRPr>
            </a:lvl5pPr>
            <a:lvl6pPr marL="0" indent="0">
              <a:spcBef>
                <a:spcPts val="300"/>
              </a:spcBef>
              <a:spcAft>
                <a:spcPts val="1200"/>
              </a:spcAft>
              <a:buFont typeface="Arial" panose="020B0604020202020204" pitchFamily="34" charset="0"/>
              <a:buChar char="​"/>
              <a:defRPr sz="2800" b="0">
                <a:solidFill>
                  <a:schemeClr val="accent3"/>
                </a:solidFill>
                <a:latin typeface="+mj-lt"/>
              </a:defRPr>
            </a:lvl6pPr>
            <a:lvl7pPr marL="0" indent="0">
              <a:spcBef>
                <a:spcPts val="300"/>
              </a:spcBef>
              <a:spcAft>
                <a:spcPts val="1200"/>
              </a:spcAft>
              <a:buFont typeface="Arial" panose="020B0604020202020204" pitchFamily="34" charset="0"/>
              <a:buChar char="​"/>
              <a:defRPr sz="2800" b="0">
                <a:solidFill>
                  <a:schemeClr val="bg1"/>
                </a:solidFill>
                <a:latin typeface="+mj-lt"/>
              </a:defRPr>
            </a:lvl7pPr>
            <a:lvl8pPr marL="0" indent="0">
              <a:spcBef>
                <a:spcPts val="300"/>
              </a:spcBef>
              <a:spcAft>
                <a:spcPts val="1200"/>
              </a:spcAft>
              <a:buFont typeface="Arial" panose="020B0604020202020204" pitchFamily="34" charset="0"/>
              <a:buChar char="​"/>
              <a:defRPr sz="2800" b="0">
                <a:solidFill>
                  <a:schemeClr val="accent3"/>
                </a:solidFill>
                <a:latin typeface="+mj-lt"/>
              </a:defRPr>
            </a:lvl8pPr>
            <a:lvl9pPr marL="0" indent="0">
              <a:spcBef>
                <a:spcPts val="300"/>
              </a:spcBef>
              <a:spcAft>
                <a:spcPts val="1200"/>
              </a:spcAft>
              <a:buFont typeface="Arial" panose="020B0604020202020204" pitchFamily="34" charset="0"/>
              <a:buChar char="​"/>
              <a:defRPr sz="2800" b="0">
                <a:solidFill>
                  <a:schemeClr val="bg1"/>
                </a:solidFill>
                <a:latin typeface="+mj-lt"/>
              </a:defRPr>
            </a:lvl9pPr>
          </a:lstStyle>
          <a:p>
            <a:pPr lvl="0"/>
            <a:r>
              <a:rPr lang="en-US" noProof="0" dirty="0"/>
              <a:t>Click to add agenda</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2" name="Text Placeholder 12">
            <a:extLst>
              <a:ext uri="{FF2B5EF4-FFF2-40B4-BE49-F238E27FC236}">
                <a16:creationId xmlns:a16="http://schemas.microsoft.com/office/drawing/2014/main" id="{EBC2663A-9F2B-496F-BA87-FE61CF6E9F89}"/>
              </a:ext>
            </a:extLst>
          </p:cNvPr>
          <p:cNvSpPr>
            <a:spLocks noGrp="1"/>
          </p:cNvSpPr>
          <p:nvPr>
            <p:ph type="body" sz="quarter" idx="27" hasCustomPrompt="1"/>
          </p:nvPr>
        </p:nvSpPr>
        <p:spPr>
          <a:xfrm>
            <a:off x="647700" y="5603870"/>
            <a:ext cx="520700" cy="457200"/>
          </a:xfrm>
        </p:spPr>
        <p:txBody>
          <a:bodyPr/>
          <a:lstStyle>
            <a:lvl1pPr marL="0" indent="0">
              <a:spcAft>
                <a:spcPts val="1200"/>
              </a:spcAft>
              <a:buFont typeface="Arial" panose="020B0604020202020204" pitchFamily="34" charset="0"/>
              <a:buChar char="​"/>
              <a:defRPr sz="2800" b="0">
                <a:solidFill>
                  <a:schemeClr val="bg1"/>
                </a:solidFill>
                <a:latin typeface="+mj-lt"/>
              </a:defRPr>
            </a:lvl1pPr>
            <a:lvl2pPr marL="1588" indent="-3175">
              <a:spcBef>
                <a:spcPts val="1200"/>
              </a:spcBef>
              <a:spcAft>
                <a:spcPts val="1200"/>
              </a:spcAft>
              <a:buFont typeface="Arial" panose="020B0604020202020204" pitchFamily="34" charset="0"/>
              <a:buChar char="​"/>
              <a:defRPr sz="2800">
                <a:solidFill>
                  <a:schemeClr val="accent3"/>
                </a:solidFill>
                <a:latin typeface="+mj-lt"/>
              </a:defRPr>
            </a:lvl2pPr>
            <a:lvl3pPr marL="0" indent="0">
              <a:spcBef>
                <a:spcPts val="1200"/>
              </a:spcBef>
              <a:spcAft>
                <a:spcPts val="1200"/>
              </a:spcAft>
              <a:buFont typeface="Arial" panose="020B0604020202020204" pitchFamily="34" charset="0"/>
              <a:buChar char="​"/>
              <a:defRPr sz="2800">
                <a:solidFill>
                  <a:schemeClr val="bg1"/>
                </a:solidFill>
                <a:latin typeface="+mj-lt"/>
              </a:defRPr>
            </a:lvl3pPr>
          </a:lstStyle>
          <a:p>
            <a:pPr lvl="0"/>
            <a:r>
              <a:rPr lang="en-US" dirty="0"/>
              <a:t>01</a:t>
            </a:r>
            <a:endParaRPr lang="en-US"/>
          </a:p>
          <a:p>
            <a:pPr lvl="1"/>
            <a:r>
              <a:rPr lang="en-US" dirty="0"/>
              <a:t>02</a:t>
            </a:r>
            <a:endParaRPr lang="en-US"/>
          </a:p>
          <a:p>
            <a:pPr lvl="2"/>
            <a:r>
              <a:rPr lang="en-US" dirty="0"/>
              <a:t>03</a:t>
            </a:r>
            <a:endParaRPr lang="en-US"/>
          </a:p>
        </p:txBody>
      </p:sp>
    </p:spTree>
    <p:extLst>
      <p:ext uri="{BB962C8B-B14F-4D97-AF65-F5344CB8AC3E}">
        <p14:creationId xmlns:p14="http://schemas.microsoft.com/office/powerpoint/2010/main" val="138918843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16A2E3D-381D-4794-837F-77E3508BF7BB}"/>
              </a:ext>
            </a:extLst>
          </p:cNvPr>
          <p:cNvSpPr>
            <a:spLocks noGrp="1"/>
          </p:cNvSpPr>
          <p:nvPr>
            <p:ph type="pic" sz="quarter" idx="13" hasCustomPrompt="1"/>
          </p:nvPr>
        </p:nvSpPr>
        <p:spPr>
          <a:xfrm>
            <a:off x="0" y="0"/>
            <a:ext cx="12192000" cy="6858000"/>
          </a:xfrm>
          <a:solidFill>
            <a:schemeClr val="bg2"/>
          </a:solidFill>
        </p:spPr>
        <p:txBody>
          <a:bodyPr lIns="0" tIns="0" bIns="720000" anchor="ctr"/>
          <a:lstStyle>
            <a:lvl1pPr marL="0" marR="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solidFill>
                  <a:schemeClr val="bg1"/>
                </a:solidFill>
              </a:defRPr>
            </a:lvl1pPr>
          </a:lstStyle>
          <a:p>
            <a:pPr marL="0" marR="0" lvl="0" indent="0" algn="ctr" defTabSz="914400" rtl="0" eaLnBrk="1" fontAlgn="auto" latinLnBrk="0" hangingPunct="1">
              <a:lnSpc>
                <a:spcPct val="100000"/>
              </a:lnSpc>
              <a:spcBef>
                <a:spcPts val="300"/>
              </a:spcBef>
              <a:spcAft>
                <a:spcPts val="600"/>
              </a:spcAft>
              <a:buClrTx/>
              <a:buSzTx/>
              <a:buFont typeface="Arial" panose="020B0604020202020204" pitchFamily="34" charset="0"/>
              <a:buNone/>
              <a:tabLst/>
              <a:defRPr/>
            </a:pPr>
            <a:r>
              <a:rPr lang="en-US" dirty="0"/>
              <a:t>Click here and add image from Templafy</a:t>
            </a:r>
            <a:endParaRPr lang="en-US"/>
          </a:p>
        </p:txBody>
      </p:sp>
      <p:sp>
        <p:nvSpPr>
          <p:cNvPr id="2" name="Title 1"/>
          <p:cNvSpPr>
            <a:spLocks noGrp="1"/>
          </p:cNvSpPr>
          <p:nvPr>
            <p:ph type="ctrTitle" hasCustomPrompt="1"/>
          </p:nvPr>
        </p:nvSpPr>
        <p:spPr>
          <a:xfrm>
            <a:off x="0" y="4266000"/>
            <a:ext cx="5986800" cy="1292400"/>
          </a:xfrm>
          <a:solidFill>
            <a:schemeClr val="bg1">
              <a:alpha val="95000"/>
            </a:schemeClr>
          </a:solidFill>
        </p:spPr>
        <p:txBody>
          <a:bodyPr lIns="648000" tIns="144000" rIns="144000" bIns="216000" anchor="b"/>
          <a:lstStyle>
            <a:lvl1pPr algn="l">
              <a:defRPr sz="4400">
                <a:solidFill>
                  <a:schemeClr val="tx2"/>
                </a:solidFill>
              </a:defRPr>
            </a:lvl1pPr>
          </a:lstStyle>
          <a:p>
            <a:r>
              <a:rPr lang="en-US" dirty="0"/>
              <a:t>Click to add title</a:t>
            </a:r>
            <a:endParaRPr lang="en-US"/>
          </a:p>
        </p:txBody>
      </p:sp>
      <p:sp>
        <p:nvSpPr>
          <p:cNvPr id="15" name="Text Placeholder 14">
            <a:extLst>
              <a:ext uri="{FF2B5EF4-FFF2-40B4-BE49-F238E27FC236}">
                <a16:creationId xmlns:a16="http://schemas.microsoft.com/office/drawing/2014/main" id="{25C68F50-FCCF-405F-AEDF-6043594B6AAF}"/>
              </a:ext>
            </a:extLst>
          </p:cNvPr>
          <p:cNvSpPr>
            <a:spLocks noGrp="1"/>
          </p:cNvSpPr>
          <p:nvPr>
            <p:ph type="body" sz="quarter" idx="14" hasCustomPrompt="1"/>
          </p:nvPr>
        </p:nvSpPr>
        <p:spPr>
          <a:xfrm>
            <a:off x="0" y="3837600"/>
            <a:ext cx="2282825" cy="648000"/>
          </a:xfrm>
          <a:solidFill>
            <a:schemeClr val="tx2">
              <a:alpha val="95000"/>
            </a:schemeClr>
          </a:solidFill>
        </p:spPr>
        <p:txBody>
          <a:bodyPr lIns="648000" anchor="ctr"/>
          <a:lstStyle>
            <a:lvl1pPr marL="0" indent="0">
              <a:spcBef>
                <a:spcPts val="0"/>
              </a:spcBef>
              <a:spcAft>
                <a:spcPts val="0"/>
              </a:spcAft>
              <a:buNone/>
              <a:defRPr sz="2800">
                <a:solidFill>
                  <a:schemeClr val="bg1"/>
                </a:solidFill>
                <a:latin typeface="+mj-lt"/>
              </a:defRPr>
            </a:lvl1pPr>
          </a:lstStyle>
          <a:p>
            <a:pPr lvl="0"/>
            <a:r>
              <a:rPr lang="en-US" dirty="0"/>
              <a:t>Add 01</a:t>
            </a:r>
            <a:endParaRPr lang="en-US"/>
          </a:p>
        </p:txBody>
      </p:sp>
      <p:sp>
        <p:nvSpPr>
          <p:cNvPr id="9" name="Footer Placeholder 8">
            <a:extLst>
              <a:ext uri="{FF2B5EF4-FFF2-40B4-BE49-F238E27FC236}">
                <a16:creationId xmlns:a16="http://schemas.microsoft.com/office/drawing/2014/main" id="{4B588E55-B015-4690-9557-AB6B13D669B1}"/>
              </a:ext>
            </a:extLst>
          </p:cNvPr>
          <p:cNvSpPr>
            <a:spLocks noGrp="1"/>
          </p:cNvSpPr>
          <p:nvPr>
            <p:ph type="ftr" sz="quarter" idx="11"/>
          </p:nvPr>
        </p:nvSpPr>
        <p:spPr/>
        <p:txBody>
          <a:bodyPr/>
          <a:lstStyle>
            <a:lvl1pPr>
              <a:defRPr>
                <a:solidFill>
                  <a:schemeClr val="bg1"/>
                </a:solidFill>
              </a:defRPr>
            </a:lvl1p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5CEA3045-B02B-4FCB-A6C4-5E06780D8376}"/>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8" name="Text Placeholder 17">
            <a:extLst>
              <a:ext uri="{FF2B5EF4-FFF2-40B4-BE49-F238E27FC236}">
                <a16:creationId xmlns:a16="http://schemas.microsoft.com/office/drawing/2014/main" id="{7784F74E-8E93-4629-AC06-D4D90AE2C84C}"/>
              </a:ext>
            </a:extLst>
          </p:cNvPr>
          <p:cNvSpPr>
            <a:spLocks noGrp="1"/>
          </p:cNvSpPr>
          <p:nvPr>
            <p:ph type="body" sz="quarter" idx="15"/>
          </p:nvPr>
        </p:nvSpPr>
        <p:spPr>
          <a:xfrm>
            <a:off x="11119238" y="274014"/>
            <a:ext cx="10800" cy="126000"/>
          </a:xfrm>
          <a:solidFill>
            <a:schemeClr val="bg1"/>
          </a:solidFill>
        </p:spPr>
        <p:txBody>
          <a:bodyPr/>
          <a:lstStyle>
            <a:lvl1pPr marL="0" indent="0">
              <a:buNone/>
              <a:defRPr sz="100">
                <a:noFill/>
              </a:defRPr>
            </a:lvl1pPr>
          </a:lstStyle>
          <a:p>
            <a:pPr lvl="0"/>
            <a:r>
              <a:rPr lang="en-US"/>
              <a:t>Click to edit Master text styles</a:t>
            </a:r>
          </a:p>
        </p:txBody>
      </p:sp>
    </p:spTree>
    <p:extLst>
      <p:ext uri="{BB962C8B-B14F-4D97-AF65-F5344CB8AC3E}">
        <p14:creationId xmlns:p14="http://schemas.microsoft.com/office/powerpoint/2010/main" val="197138226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0" y="4266000"/>
            <a:ext cx="5986800" cy="1292400"/>
          </a:xfrm>
          <a:solidFill>
            <a:schemeClr val="bg1">
              <a:alpha val="95000"/>
            </a:schemeClr>
          </a:solidFill>
        </p:spPr>
        <p:txBody>
          <a:bodyPr lIns="648000" tIns="144000" rIns="144000" bIns="216000" anchor="b"/>
          <a:lstStyle>
            <a:lvl1pPr algn="l">
              <a:defRPr sz="4400">
                <a:solidFill>
                  <a:schemeClr val="tx2"/>
                </a:solidFill>
              </a:defRPr>
            </a:lvl1pPr>
          </a:lstStyle>
          <a:p>
            <a:r>
              <a:rPr lang="en-US" dirty="0"/>
              <a:t>Click to add title</a:t>
            </a:r>
            <a:endParaRPr lang="en-US"/>
          </a:p>
        </p:txBody>
      </p:sp>
      <p:sp>
        <p:nvSpPr>
          <p:cNvPr id="15" name="Text Placeholder 14">
            <a:extLst>
              <a:ext uri="{FF2B5EF4-FFF2-40B4-BE49-F238E27FC236}">
                <a16:creationId xmlns:a16="http://schemas.microsoft.com/office/drawing/2014/main" id="{25C68F50-FCCF-405F-AEDF-6043594B6AAF}"/>
              </a:ext>
            </a:extLst>
          </p:cNvPr>
          <p:cNvSpPr>
            <a:spLocks noGrp="1"/>
          </p:cNvSpPr>
          <p:nvPr>
            <p:ph type="body" sz="quarter" idx="14" hasCustomPrompt="1"/>
          </p:nvPr>
        </p:nvSpPr>
        <p:spPr>
          <a:xfrm>
            <a:off x="0" y="3837600"/>
            <a:ext cx="2282825" cy="648000"/>
          </a:xfrm>
          <a:solidFill>
            <a:schemeClr val="accent3">
              <a:alpha val="95000"/>
            </a:schemeClr>
          </a:solidFill>
        </p:spPr>
        <p:txBody>
          <a:bodyPr lIns="648000" anchor="ctr"/>
          <a:lstStyle>
            <a:lvl1pPr marL="0" indent="0">
              <a:spcBef>
                <a:spcPts val="0"/>
              </a:spcBef>
              <a:spcAft>
                <a:spcPts val="0"/>
              </a:spcAft>
              <a:buNone/>
              <a:defRPr sz="2800">
                <a:solidFill>
                  <a:schemeClr val="tx2"/>
                </a:solidFill>
                <a:latin typeface="+mj-lt"/>
              </a:defRPr>
            </a:lvl1pPr>
          </a:lstStyle>
          <a:p>
            <a:pPr lvl="0"/>
            <a:r>
              <a:rPr lang="en-US" dirty="0"/>
              <a:t>Add 01</a:t>
            </a:r>
            <a:endParaRPr lang="en-US"/>
          </a:p>
        </p:txBody>
      </p:sp>
      <p:sp>
        <p:nvSpPr>
          <p:cNvPr id="9" name="Footer Placeholder 8">
            <a:extLst>
              <a:ext uri="{FF2B5EF4-FFF2-40B4-BE49-F238E27FC236}">
                <a16:creationId xmlns:a16="http://schemas.microsoft.com/office/drawing/2014/main" id="{4B588E55-B015-4690-9557-AB6B13D669B1}"/>
              </a:ext>
            </a:extLst>
          </p:cNvPr>
          <p:cNvSpPr>
            <a:spLocks noGrp="1"/>
          </p:cNvSpPr>
          <p:nvPr>
            <p:ph type="ftr" sz="quarter" idx="11"/>
          </p:nvPr>
        </p:nvSpPr>
        <p:spPr/>
        <p:txBody>
          <a:bodyPr/>
          <a:lstStyle>
            <a:lvl1pPr>
              <a:defRPr>
                <a:solidFill>
                  <a:schemeClr val="bg1"/>
                </a:solidFill>
              </a:defRPr>
            </a:lvl1pPr>
          </a:lstStyle>
          <a:p>
            <a:r>
              <a:rPr lang="en-US"/>
              <a:t>Colliers Engineering &amp; Design</a:t>
            </a:r>
            <a:endParaRPr lang="en-US" dirty="0"/>
          </a:p>
        </p:txBody>
      </p:sp>
      <p:sp>
        <p:nvSpPr>
          <p:cNvPr id="10" name="Slide Number Placeholder 9">
            <a:extLst>
              <a:ext uri="{FF2B5EF4-FFF2-40B4-BE49-F238E27FC236}">
                <a16:creationId xmlns:a16="http://schemas.microsoft.com/office/drawing/2014/main" id="{5CEA3045-B02B-4FCB-A6C4-5E06780D8376}"/>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cxnSp>
        <p:nvCxnSpPr>
          <p:cNvPr id="11" name="Straight Connector 10">
            <a:extLst>
              <a:ext uri="{FF2B5EF4-FFF2-40B4-BE49-F238E27FC236}">
                <a16:creationId xmlns:a16="http://schemas.microsoft.com/office/drawing/2014/main" id="{E4833C63-54B4-45EB-8D7A-EE7EB966CB8E}"/>
              </a:ext>
            </a:extLst>
          </p:cNvPr>
          <p:cNvCxnSpPr/>
          <p:nvPr userDrawn="1"/>
        </p:nvCxnSpPr>
        <p:spPr>
          <a:xfrm>
            <a:off x="11124763" y="274014"/>
            <a:ext cx="0" cy="125517"/>
          </a:xfrm>
          <a:prstGeom prst="line">
            <a:avLst/>
          </a:prstGeom>
          <a:ln w="9525">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7297377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Content A Negative">
    <p:bg>
      <p:bgPr>
        <a:solidFill>
          <a:schemeClr val="tx2"/>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3"/>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7pPr>
              <a:defRPr>
                <a:solidFill>
                  <a:schemeClr val="accent3"/>
                </a:solidFill>
              </a:defRPr>
            </a:lvl7pPr>
            <a:lvl9pPr>
              <a:defRPr>
                <a:solidFill>
                  <a:schemeClr val="accent3"/>
                </a:solidFill>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1"/>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lvl1pPr>
              <a:defRPr>
                <a:solidFill>
                  <a:schemeClr val="tx1"/>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cxnSp>
        <p:nvCxnSpPr>
          <p:cNvPr id="10" name="Straight Connector 9">
            <a:extLst>
              <a:ext uri="{FF2B5EF4-FFF2-40B4-BE49-F238E27FC236}">
                <a16:creationId xmlns:a16="http://schemas.microsoft.com/office/drawing/2014/main" id="{C3157DD5-F1F7-4633-B8ED-02F06F859D3A}"/>
              </a:ext>
            </a:extLst>
          </p:cNvPr>
          <p:cNvCxnSpPr/>
          <p:nvPr userDrawn="1"/>
        </p:nvCxnSpPr>
        <p:spPr>
          <a:xfrm>
            <a:off x="11124763" y="274014"/>
            <a:ext cx="0" cy="125517"/>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27251153"/>
      </p:ext>
    </p:extLst>
  </p:cSld>
  <p:clrMapOvr>
    <a:overrideClrMapping bg1="dk1" tx1="lt1" bg2="accent1" tx2="accent1" accent1="lt2"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5CD8FAEA-9859-4AF5-90CE-712350B0DB51}"/>
              </a:ext>
            </a:extLst>
          </p:cNvPr>
          <p:cNvSpPr>
            <a:spLocks noGrp="1"/>
          </p:cNvSpPr>
          <p:nvPr>
            <p:ph type="body" sz="quarter" idx="13" hasCustomPrompt="1"/>
          </p:nvPr>
        </p:nvSpPr>
        <p:spPr>
          <a:xfrm>
            <a:off x="647700" y="647700"/>
            <a:ext cx="10893425" cy="414338"/>
          </a:xfrm>
        </p:spPr>
        <p:txBody>
          <a:bodyPr/>
          <a:lstStyle>
            <a:lvl1pPr marL="0" indent="0">
              <a:buNone/>
              <a:defRPr sz="2400">
                <a:solidFill>
                  <a:schemeClr val="accent2"/>
                </a:solidFill>
                <a:latin typeface="+mn-lt"/>
              </a:defRPr>
            </a:lvl1pPr>
          </a:lstStyle>
          <a:p>
            <a:pPr lvl="0"/>
            <a:r>
              <a:rPr lang="en-US" dirty="0"/>
              <a:t>Click to add header</a:t>
            </a:r>
            <a:endParaRPr lang="en-US"/>
          </a:p>
        </p:txBody>
      </p:sp>
      <p:sp>
        <p:nvSpPr>
          <p:cNvPr id="2" name="Title 1"/>
          <p:cNvSpPr>
            <a:spLocks noGrp="1"/>
          </p:cNvSpPr>
          <p:nvPr>
            <p:ph type="title" hasCustomPrompt="1"/>
          </p:nvPr>
        </p:nvSpPr>
        <p:spPr/>
        <p:txBody>
          <a:bodyPr/>
          <a:lstStyle>
            <a:lvl1pPr>
              <a:defRPr/>
            </a:lvl1pPr>
          </a:lstStyle>
          <a:p>
            <a:r>
              <a:rPr lang="en-US" noProof="0" dirty="0"/>
              <a:t>Click to add title</a:t>
            </a:r>
            <a:endParaRPr lang="en-US"/>
          </a:p>
        </p:txBody>
      </p:sp>
      <p:sp>
        <p:nvSpPr>
          <p:cNvPr id="3" name="Content Placeholder 2"/>
          <p:cNvSpPr>
            <a:spLocks noGrp="1"/>
          </p:cNvSpPr>
          <p:nvPr>
            <p:ph idx="1" hasCustomPrompt="1"/>
          </p:nvPr>
        </p:nvSpPr>
        <p:spPr>
          <a:xfrm>
            <a:off x="648000" y="2044800"/>
            <a:ext cx="6267600" cy="4161600"/>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4" name="Text Placeholder 13">
            <a:extLst>
              <a:ext uri="{FF2B5EF4-FFF2-40B4-BE49-F238E27FC236}">
                <a16:creationId xmlns:a16="http://schemas.microsoft.com/office/drawing/2014/main" id="{CD24C3BD-6B68-455D-8BAB-E59F02BA3355}"/>
              </a:ext>
            </a:extLst>
          </p:cNvPr>
          <p:cNvSpPr>
            <a:spLocks noGrp="1"/>
          </p:cNvSpPr>
          <p:nvPr>
            <p:ph type="body" sz="quarter" idx="14" hasCustomPrompt="1"/>
          </p:nvPr>
        </p:nvSpPr>
        <p:spPr>
          <a:xfrm>
            <a:off x="648000" y="6408000"/>
            <a:ext cx="6267600" cy="244800"/>
          </a:xfrm>
        </p:spPr>
        <p:txBody>
          <a:bodyPr/>
          <a:lstStyle>
            <a:lvl1pPr marL="0" indent="0">
              <a:buNone/>
              <a:defRPr sz="800" i="1">
                <a:solidFill>
                  <a:schemeClr val="tx2"/>
                </a:solidFill>
                <a:latin typeface="+mj-lt"/>
              </a:defRPr>
            </a:lvl1pPr>
          </a:lstStyle>
          <a:p>
            <a:pPr lvl="0"/>
            <a:r>
              <a:rPr lang="en-US" dirty="0"/>
              <a:t>Click to add text</a:t>
            </a:r>
            <a:endParaRPr lang="en-US"/>
          </a:p>
        </p:txBody>
      </p:sp>
      <p:sp>
        <p:nvSpPr>
          <p:cNvPr id="8" name="Footer Placeholder 7">
            <a:extLst>
              <a:ext uri="{FF2B5EF4-FFF2-40B4-BE49-F238E27FC236}">
                <a16:creationId xmlns:a16="http://schemas.microsoft.com/office/drawing/2014/main" id="{64EBE7A6-B567-41BB-8FC5-4D7E50C44BA8}"/>
              </a:ext>
            </a:extLst>
          </p:cNvPr>
          <p:cNvSpPr>
            <a:spLocks noGrp="1"/>
          </p:cNvSpPr>
          <p:nvPr>
            <p:ph type="ftr" sz="quarter" idx="11"/>
          </p:nvPr>
        </p:nvSpPr>
        <p:spPr/>
        <p:txBody>
          <a:body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F4B48C20-C4DC-46ED-A7E0-2854CD88A8C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Content Placeholder 4">
            <a:extLst>
              <a:ext uri="{FF2B5EF4-FFF2-40B4-BE49-F238E27FC236}">
                <a16:creationId xmlns:a16="http://schemas.microsoft.com/office/drawing/2014/main" id="{DD9AB3A2-4DAB-4225-9E04-C68302BDBFE1}"/>
              </a:ext>
            </a:extLst>
          </p:cNvPr>
          <p:cNvSpPr>
            <a:spLocks noGrp="1"/>
          </p:cNvSpPr>
          <p:nvPr>
            <p:ph sz="quarter" idx="15" hasCustomPrompt="1"/>
          </p:nvPr>
        </p:nvSpPr>
        <p:spPr>
          <a:xfrm>
            <a:off x="7129463" y="2046288"/>
            <a:ext cx="4413250" cy="4162425"/>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Tree>
    <p:extLst>
      <p:ext uri="{BB962C8B-B14F-4D97-AF65-F5344CB8AC3E}">
        <p14:creationId xmlns:p14="http://schemas.microsoft.com/office/powerpoint/2010/main" val="414732450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8.xml"/><Relationship Id="rId21" Type="http://schemas.openxmlformats.org/officeDocument/2006/relationships/slideLayout" Target="../slideLayouts/slideLayout21.xml"/><Relationship Id="rId34" Type="http://schemas.openxmlformats.org/officeDocument/2006/relationships/tags" Target="../tags/tag3.xml"/><Relationship Id="rId42" Type="http://schemas.openxmlformats.org/officeDocument/2006/relationships/tags" Target="../tags/tag1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ags" Target="../tags/tag1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1.xml"/><Relationship Id="rId37" Type="http://schemas.openxmlformats.org/officeDocument/2006/relationships/tags" Target="../tags/tag6.xml"/><Relationship Id="rId40" Type="http://schemas.openxmlformats.org/officeDocument/2006/relationships/tags" Target="../tags/tag9.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4" Type="http://schemas.openxmlformats.org/officeDocument/2006/relationships/tags" Target="../tags/tag1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4.xml"/><Relationship Id="rId43" Type="http://schemas.openxmlformats.org/officeDocument/2006/relationships/tags" Target="../tags/tag12.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38" Type="http://schemas.openxmlformats.org/officeDocument/2006/relationships/tags" Target="../tags/tag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648000" y="2044800"/>
            <a:ext cx="10893600" cy="4161600"/>
          </a:xfrm>
          <a:prstGeom prst="rect">
            <a:avLst/>
          </a:prstGeom>
        </p:spPr>
        <p:txBody>
          <a:bodyPr vert="horz" lIns="0" tIns="0" rIns="0" bIns="0" rtlCol="0">
            <a:noAutofit/>
          </a:bodyPr>
          <a:lstStyle/>
          <a:p>
            <a:pPr lvl="0"/>
            <a:r>
              <a:rPr lang="en-US" noProof="0" dirty="0"/>
              <a:t>Level 1</a:t>
            </a:r>
            <a:endParaRPr lang="en-US"/>
          </a:p>
          <a:p>
            <a:pPr lvl="1"/>
            <a:r>
              <a:rPr lang="en-US" noProof="0" dirty="0"/>
              <a:t>Level 2</a:t>
            </a:r>
            <a:endParaRPr lang="en-US"/>
          </a:p>
          <a:p>
            <a:pPr lvl="2"/>
            <a:r>
              <a:rPr lang="en-US" noProof="0" dirty="0"/>
              <a:t>Level 3</a:t>
            </a:r>
            <a:endParaRPr lang="en-US"/>
          </a:p>
          <a:p>
            <a:pPr lvl="3"/>
            <a:r>
              <a:rPr lang="en-US" noProof="0" dirty="0"/>
              <a:t>Level 4, Header</a:t>
            </a:r>
            <a:endParaRPr lang="en-US"/>
          </a:p>
          <a:p>
            <a:pPr lvl="4"/>
            <a:r>
              <a:rPr lang="en-US" noProof="0" dirty="0"/>
              <a:t>Level 5, Body</a:t>
            </a:r>
            <a:endParaRPr lang="en-US"/>
          </a:p>
          <a:p>
            <a:pPr lvl="5"/>
            <a:r>
              <a:rPr lang="en-US" noProof="0" dirty="0"/>
              <a:t>Level 6</a:t>
            </a:r>
            <a:endParaRPr lang="en-US"/>
          </a:p>
          <a:p>
            <a:pPr lvl="6"/>
            <a:r>
              <a:rPr lang="en-US" noProof="0" dirty="0"/>
              <a:t>Level 7, Small Header</a:t>
            </a:r>
            <a:endParaRPr lang="en-US"/>
          </a:p>
          <a:p>
            <a:pPr lvl="7"/>
            <a:r>
              <a:rPr lang="en-US" noProof="0" dirty="0"/>
              <a:t>Level 8, Small Body</a:t>
            </a:r>
            <a:endParaRPr lang="en-US"/>
          </a:p>
          <a:p>
            <a:pPr lvl="8"/>
            <a:r>
              <a:rPr lang="en-US" noProof="0" dirty="0"/>
              <a:t>Level 9, Infographic</a:t>
            </a:r>
            <a:endParaRPr lang="en-US"/>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648000" y="1062000"/>
            <a:ext cx="10893600" cy="835200"/>
          </a:xfrm>
          <a:prstGeom prst="rect">
            <a:avLst/>
          </a:prstGeom>
        </p:spPr>
        <p:txBody>
          <a:bodyPr vert="horz" lIns="0" tIns="0" rIns="0" bIns="0" rtlCol="0" anchor="t" anchorCtr="0">
            <a:noAutofit/>
          </a:bodyPr>
          <a:lstStyle/>
          <a:p>
            <a:r>
              <a:rPr lang="en-US"/>
              <a:t>Click to edit Master title style</a:t>
            </a:r>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6202800" y="248400"/>
            <a:ext cx="4636800" cy="180000"/>
          </a:xfrm>
          <a:prstGeom prst="rect">
            <a:avLst/>
          </a:prstGeom>
        </p:spPr>
        <p:txBody>
          <a:bodyPr vert="horz" lIns="0" tIns="0" rIns="0" bIns="0" rtlCol="0" anchor="ctr"/>
          <a:lstStyle>
            <a:lvl1pPr algn="r">
              <a:defRPr sz="1050" b="1">
                <a:solidFill>
                  <a:schemeClr val="tx2"/>
                </a:solidFill>
              </a:defRPr>
            </a:lvl1pPr>
          </a:lstStyle>
          <a:p>
            <a:r>
              <a:rPr lang="en-US"/>
              <a:t>Colliers Engineering &amp; Design</a:t>
            </a:r>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167200" y="248400"/>
            <a:ext cx="374400" cy="180000"/>
          </a:xfrm>
          <a:prstGeom prst="rect">
            <a:avLst/>
          </a:prstGeom>
        </p:spPr>
        <p:txBody>
          <a:bodyPr vert="horz" lIns="0" tIns="0" rIns="0" bIns="0" rtlCol="0" anchor="ctr"/>
          <a:lstStyle>
            <a:lvl1pPr algn="r">
              <a:defRPr sz="1050">
                <a:solidFill>
                  <a:schemeClr val="tx2"/>
                </a:solidFill>
              </a:defRPr>
            </a:lvl1pPr>
          </a:lstStyle>
          <a:p>
            <a:fld id="{23AA811B-2EBD-4900-905E-5BE206449611}" type="slidenum">
              <a:rPr lang="en-US" smtClean="0"/>
              <a:pPr/>
              <a:t>‹#›</a:t>
            </a:fld>
            <a:endParaRPr lang="en-US" dirty="0"/>
          </a:p>
        </p:txBody>
      </p:sp>
      <p:cxnSp>
        <p:nvCxnSpPr>
          <p:cNvPr id="10" name="Straight Connector 9">
            <a:extLst>
              <a:ext uri="{FF2B5EF4-FFF2-40B4-BE49-F238E27FC236}">
                <a16:creationId xmlns:a16="http://schemas.microsoft.com/office/drawing/2014/main" id="{54A0F400-E6B0-46DD-A55F-1A65108DA379}"/>
              </a:ext>
            </a:extLst>
          </p:cNvPr>
          <p:cNvCxnSpPr/>
          <p:nvPr userDrawn="1"/>
        </p:nvCxnSpPr>
        <p:spPr>
          <a:xfrm>
            <a:off x="11124763" y="274014"/>
            <a:ext cx="0" cy="125517"/>
          </a:xfrm>
          <a:prstGeom prst="line">
            <a:avLst/>
          </a:prstGeom>
          <a:ln w="9525">
            <a:solidFill>
              <a:schemeClr val="accent1"/>
            </a:solidFill>
          </a:ln>
        </p:spPr>
        <p:style>
          <a:lnRef idx="1">
            <a:schemeClr val="accent1"/>
          </a:lnRef>
          <a:fillRef idx="0">
            <a:schemeClr val="accent1"/>
          </a:fillRef>
          <a:effectRef idx="0">
            <a:schemeClr val="accent1"/>
          </a:effectRef>
          <a:fontRef idx="minor">
            <a:schemeClr val="tx1"/>
          </a:fontRef>
        </p:style>
      </p:cxnSp>
      <p:sp>
        <p:nvSpPr>
          <p:cNvPr id="4" name="Rectangle 3" hidden="1">
            <a:extLst>
              <a:ext uri="{FF2B5EF4-FFF2-40B4-BE49-F238E27FC236}">
                <a16:creationId xmlns:a16="http://schemas.microsoft.com/office/drawing/2014/main" id="{48481018-5A2B-4092-B1D6-9A5FDD8E0EFF}"/>
              </a:ext>
            </a:extLst>
          </p:cNvPr>
          <p:cNvSpPr/>
          <p:nvPr userDrawn="1">
            <p:custDataLst>
              <p:tags r:id="rId32"/>
            </p:custDataLst>
          </p:nvPr>
        </p:nvSpPr>
        <p:spPr>
          <a:xfrm>
            <a:off x="648000" y="648000"/>
            <a:ext cx="10896000" cy="1246964"/>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Rectangle 4" hidden="1">
            <a:extLst>
              <a:ext uri="{FF2B5EF4-FFF2-40B4-BE49-F238E27FC236}">
                <a16:creationId xmlns:a16="http://schemas.microsoft.com/office/drawing/2014/main" id="{E71856E2-F020-49FF-A54D-049EB30BEDAB}"/>
              </a:ext>
            </a:extLst>
          </p:cNvPr>
          <p:cNvSpPr/>
          <p:nvPr userDrawn="1">
            <p:custDataLst>
              <p:tags r:id="rId33"/>
            </p:custDataLst>
          </p:nvPr>
        </p:nvSpPr>
        <p:spPr>
          <a:xfrm>
            <a:off x="648000" y="2044699"/>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 name="Rectangle 5" hidden="1">
            <a:extLst>
              <a:ext uri="{FF2B5EF4-FFF2-40B4-BE49-F238E27FC236}">
                <a16:creationId xmlns:a16="http://schemas.microsoft.com/office/drawing/2014/main" id="{830E4EAE-C9B8-4A85-82D0-DDC95712D1B3}"/>
              </a:ext>
            </a:extLst>
          </p:cNvPr>
          <p:cNvSpPr/>
          <p:nvPr userDrawn="1">
            <p:custDataLst>
              <p:tags r:id="rId34"/>
            </p:custDataLst>
          </p:nvPr>
        </p:nvSpPr>
        <p:spPr>
          <a:xfrm>
            <a:off x="1574000"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hidden="1">
            <a:extLst>
              <a:ext uri="{FF2B5EF4-FFF2-40B4-BE49-F238E27FC236}">
                <a16:creationId xmlns:a16="http://schemas.microsoft.com/office/drawing/2014/main" id="{1A083474-478F-42C6-8180-CFB3495AD762}"/>
              </a:ext>
            </a:extLst>
          </p:cNvPr>
          <p:cNvSpPr/>
          <p:nvPr userDrawn="1">
            <p:custDataLst>
              <p:tags r:id="rId35"/>
            </p:custDataLst>
          </p:nvPr>
        </p:nvSpPr>
        <p:spPr>
          <a:xfrm>
            <a:off x="2500000"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hidden="1">
            <a:extLst>
              <a:ext uri="{FF2B5EF4-FFF2-40B4-BE49-F238E27FC236}">
                <a16:creationId xmlns:a16="http://schemas.microsoft.com/office/drawing/2014/main" id="{61E88A6D-11DA-46CC-83E3-D577ED0A94AE}"/>
              </a:ext>
            </a:extLst>
          </p:cNvPr>
          <p:cNvSpPr/>
          <p:nvPr userDrawn="1">
            <p:custDataLst>
              <p:tags r:id="rId36"/>
            </p:custDataLst>
          </p:nvPr>
        </p:nvSpPr>
        <p:spPr>
          <a:xfrm>
            <a:off x="3426000" y="2046422"/>
            <a:ext cx="710000" cy="4163578"/>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hidden="1">
            <a:extLst>
              <a:ext uri="{FF2B5EF4-FFF2-40B4-BE49-F238E27FC236}">
                <a16:creationId xmlns:a16="http://schemas.microsoft.com/office/drawing/2014/main" id="{0EDC2FD0-CA18-4DB9-A51F-8FAA5B48F255}"/>
              </a:ext>
            </a:extLst>
          </p:cNvPr>
          <p:cNvSpPr/>
          <p:nvPr userDrawn="1">
            <p:custDataLst>
              <p:tags r:id="rId37"/>
            </p:custDataLst>
          </p:nvPr>
        </p:nvSpPr>
        <p:spPr>
          <a:xfrm>
            <a:off x="4352000" y="2046422"/>
            <a:ext cx="710000" cy="4163578"/>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hidden="1">
            <a:extLst>
              <a:ext uri="{FF2B5EF4-FFF2-40B4-BE49-F238E27FC236}">
                <a16:creationId xmlns:a16="http://schemas.microsoft.com/office/drawing/2014/main" id="{CB0BF6E9-7E99-4F00-BD85-6C10AAA88A7A}"/>
              </a:ext>
            </a:extLst>
          </p:cNvPr>
          <p:cNvSpPr/>
          <p:nvPr userDrawn="1">
            <p:custDataLst>
              <p:tags r:id="rId38"/>
            </p:custDataLst>
          </p:nvPr>
        </p:nvSpPr>
        <p:spPr>
          <a:xfrm>
            <a:off x="5278000" y="2046422"/>
            <a:ext cx="710000" cy="4163578"/>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hidden="1">
            <a:extLst>
              <a:ext uri="{FF2B5EF4-FFF2-40B4-BE49-F238E27FC236}">
                <a16:creationId xmlns:a16="http://schemas.microsoft.com/office/drawing/2014/main" id="{EFC664E2-0D4D-48CF-BE80-BE1F32C218F8}"/>
              </a:ext>
            </a:extLst>
          </p:cNvPr>
          <p:cNvSpPr/>
          <p:nvPr userDrawn="1">
            <p:custDataLst>
              <p:tags r:id="rId39"/>
            </p:custDataLst>
          </p:nvPr>
        </p:nvSpPr>
        <p:spPr>
          <a:xfrm>
            <a:off x="6204002"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hidden="1">
            <a:extLst>
              <a:ext uri="{FF2B5EF4-FFF2-40B4-BE49-F238E27FC236}">
                <a16:creationId xmlns:a16="http://schemas.microsoft.com/office/drawing/2014/main" id="{2D72954E-870D-4FF9-93C1-B4A3E0E8F3D9}"/>
              </a:ext>
            </a:extLst>
          </p:cNvPr>
          <p:cNvSpPr/>
          <p:nvPr userDrawn="1">
            <p:custDataLst>
              <p:tags r:id="rId40"/>
            </p:custDataLst>
          </p:nvPr>
        </p:nvSpPr>
        <p:spPr>
          <a:xfrm>
            <a:off x="7130002" y="2046422"/>
            <a:ext cx="710000" cy="4163578"/>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hidden="1">
            <a:extLst>
              <a:ext uri="{FF2B5EF4-FFF2-40B4-BE49-F238E27FC236}">
                <a16:creationId xmlns:a16="http://schemas.microsoft.com/office/drawing/2014/main" id="{49A5D3DB-7DE4-4E3A-8096-6272FAE8D355}"/>
              </a:ext>
            </a:extLst>
          </p:cNvPr>
          <p:cNvSpPr/>
          <p:nvPr userDrawn="1">
            <p:custDataLst>
              <p:tags r:id="rId41"/>
            </p:custDataLst>
          </p:nvPr>
        </p:nvSpPr>
        <p:spPr>
          <a:xfrm>
            <a:off x="8056002"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hidden="1">
            <a:extLst>
              <a:ext uri="{FF2B5EF4-FFF2-40B4-BE49-F238E27FC236}">
                <a16:creationId xmlns:a16="http://schemas.microsoft.com/office/drawing/2014/main" id="{1416A425-33B4-4430-A431-9ACE70E88B95}"/>
              </a:ext>
            </a:extLst>
          </p:cNvPr>
          <p:cNvSpPr/>
          <p:nvPr userDrawn="1">
            <p:custDataLst>
              <p:tags r:id="rId42"/>
            </p:custDataLst>
          </p:nvPr>
        </p:nvSpPr>
        <p:spPr>
          <a:xfrm>
            <a:off x="8982002"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hidden="1">
            <a:extLst>
              <a:ext uri="{FF2B5EF4-FFF2-40B4-BE49-F238E27FC236}">
                <a16:creationId xmlns:a16="http://schemas.microsoft.com/office/drawing/2014/main" id="{44ED4794-93AF-4574-A12E-537DD33A4858}"/>
              </a:ext>
            </a:extLst>
          </p:cNvPr>
          <p:cNvSpPr/>
          <p:nvPr userDrawn="1">
            <p:custDataLst>
              <p:tags r:id="rId43"/>
            </p:custDataLst>
          </p:nvPr>
        </p:nvSpPr>
        <p:spPr>
          <a:xfrm>
            <a:off x="9908000"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hidden="1">
            <a:extLst>
              <a:ext uri="{FF2B5EF4-FFF2-40B4-BE49-F238E27FC236}">
                <a16:creationId xmlns:a16="http://schemas.microsoft.com/office/drawing/2014/main" id="{8DED95DE-59E3-42D4-9EF2-71652C22C301}"/>
              </a:ext>
            </a:extLst>
          </p:cNvPr>
          <p:cNvSpPr/>
          <p:nvPr userDrawn="1">
            <p:custDataLst>
              <p:tags r:id="rId44"/>
            </p:custDataLst>
          </p:nvPr>
        </p:nvSpPr>
        <p:spPr>
          <a:xfrm>
            <a:off x="10833998" y="2044698"/>
            <a:ext cx="710000" cy="4165301"/>
          </a:xfrm>
          <a:prstGeom prst="rect">
            <a:avLst/>
          </a:prstGeom>
          <a:solidFill>
            <a:srgbClr val="EAEAEA">
              <a:alpha val="50000"/>
            </a:srgbClr>
          </a:solid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6" r:id="rId1"/>
    <p:sldLayoutId id="2147483777" r:id="rId2"/>
    <p:sldLayoutId id="2147483737" r:id="rId3"/>
    <p:sldLayoutId id="2147483763" r:id="rId4"/>
    <p:sldLayoutId id="2147483731" r:id="rId5"/>
    <p:sldLayoutId id="2147483764" r:id="rId6"/>
    <p:sldLayoutId id="2147483732" r:id="rId7"/>
    <p:sldLayoutId id="2147483765" r:id="rId8"/>
    <p:sldLayoutId id="2147483766" r:id="rId9"/>
    <p:sldLayoutId id="2147483767" r:id="rId10"/>
    <p:sldLayoutId id="2147483768" r:id="rId11"/>
    <p:sldLayoutId id="2147483769" r:id="rId12"/>
    <p:sldLayoutId id="2147483783" r:id="rId13"/>
    <p:sldLayoutId id="2147483784" r:id="rId14"/>
    <p:sldLayoutId id="2147483770" r:id="rId15"/>
    <p:sldLayoutId id="2147483771" r:id="rId16"/>
    <p:sldLayoutId id="2147483772" r:id="rId17"/>
    <p:sldLayoutId id="2147483773" r:id="rId18"/>
    <p:sldLayoutId id="2147483782" r:id="rId19"/>
    <p:sldLayoutId id="2147483775" r:id="rId20"/>
    <p:sldLayoutId id="2147483778" r:id="rId21"/>
    <p:sldLayoutId id="2147483774" r:id="rId22"/>
    <p:sldLayoutId id="2147483739" r:id="rId23"/>
    <p:sldLayoutId id="2147483779" r:id="rId24"/>
    <p:sldLayoutId id="2147483781" r:id="rId25"/>
    <p:sldLayoutId id="2147483780" r:id="rId26"/>
    <p:sldLayoutId id="2147483743" r:id="rId27"/>
    <p:sldLayoutId id="2147483744" r:id="rId28"/>
    <p:sldLayoutId id="2147483762" r:id="rId29"/>
    <p:sldLayoutId id="2147483751" r:id="rId30"/>
  </p:sldLayoutIdLst>
  <p:hf hdr="0"/>
  <p:txStyles>
    <p:titleStyle>
      <a:lvl1pPr algn="l" defTabSz="914400" rtl="0" eaLnBrk="1" latinLnBrk="0" hangingPunct="1">
        <a:lnSpc>
          <a:spcPct val="83000"/>
        </a:lnSpc>
        <a:spcBef>
          <a:spcPct val="0"/>
        </a:spcBef>
        <a:buNone/>
        <a:defRPr sz="4400" kern="1200">
          <a:solidFill>
            <a:schemeClr val="tx2"/>
          </a:solidFill>
          <a:latin typeface="+mj-lt"/>
          <a:ea typeface="+mj-ea"/>
          <a:cs typeface="+mj-cs"/>
        </a:defRPr>
      </a:lvl1pPr>
    </p:titleStyle>
    <p:bodyStyle>
      <a:lvl1pPr marL="216000" indent="-216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1pPr>
      <a:lvl2pPr marL="432000" indent="-216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6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1600" kern="1200">
          <a:solidFill>
            <a:schemeClr val="tx1"/>
          </a:solidFill>
          <a:latin typeface="+mn-lt"/>
          <a:ea typeface="+mn-ea"/>
          <a:cs typeface="+mn-cs"/>
        </a:defRPr>
      </a:lvl5pPr>
      <a:lvl6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2400"/>
        </a:spcBef>
        <a:spcAft>
          <a:spcPts val="1200"/>
        </a:spcAft>
        <a:buFont typeface="Arial" panose="020B0604020202020204" pitchFamily="34" charset="0"/>
        <a:buChar char="​"/>
        <a:defRPr sz="4400" kern="1200" baseline="0">
          <a:solidFill>
            <a:schemeClr val="tx2"/>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F26B43"/>
          </p15:clr>
        </p15:guide>
        <p15:guide id="2" pos="7271" userDrawn="1">
          <p15:clr>
            <a:srgbClr val="F26B43"/>
          </p15:clr>
        </p15:guide>
        <p15:guide id="3" orient="horz" pos="408" userDrawn="1">
          <p15:clr>
            <a:srgbClr val="F26B43"/>
          </p15:clr>
        </p15:guide>
        <p15:guide id="4" orient="horz" pos="1193" userDrawn="1">
          <p15:clr>
            <a:srgbClr val="F26B43"/>
          </p15:clr>
        </p15:guide>
        <p15:guide id="5" pos="855" userDrawn="1">
          <p15:clr>
            <a:srgbClr val="F26B43"/>
          </p15:clr>
        </p15:guide>
        <p15:guide id="6" orient="horz" pos="1287" userDrawn="1">
          <p15:clr>
            <a:srgbClr val="F26B43"/>
          </p15:clr>
        </p15:guide>
        <p15:guide id="7" orient="horz" pos="3911" userDrawn="1">
          <p15:clr>
            <a:srgbClr val="F26B43"/>
          </p15:clr>
        </p15:guide>
        <p15:guide id="8" pos="991" userDrawn="1">
          <p15:clr>
            <a:srgbClr val="F26B43"/>
          </p15:clr>
        </p15:guide>
        <p15:guide id="9" pos="1438" userDrawn="1">
          <p15:clr>
            <a:srgbClr val="F26B43"/>
          </p15:clr>
        </p15:guide>
        <p15:guide id="10" pos="1574" userDrawn="1">
          <p15:clr>
            <a:srgbClr val="F26B43"/>
          </p15:clr>
        </p15:guide>
        <p15:guide id="11" pos="2022" userDrawn="1">
          <p15:clr>
            <a:srgbClr val="F26B43"/>
          </p15:clr>
        </p15:guide>
        <p15:guide id="12" pos="2158" userDrawn="1">
          <p15:clr>
            <a:srgbClr val="F26B43"/>
          </p15:clr>
        </p15:guide>
        <p15:guide id="13" pos="2605" userDrawn="1">
          <p15:clr>
            <a:srgbClr val="F26B43"/>
          </p15:clr>
        </p15:guide>
        <p15:guide id="15" pos="2741" userDrawn="1">
          <p15:clr>
            <a:srgbClr val="F26B43"/>
          </p15:clr>
        </p15:guide>
        <p15:guide id="16" pos="3188" userDrawn="1">
          <p15:clr>
            <a:srgbClr val="F26B43"/>
          </p15:clr>
        </p15:guide>
        <p15:guide id="17" pos="3324" userDrawn="1">
          <p15:clr>
            <a:srgbClr val="F26B43"/>
          </p15:clr>
        </p15:guide>
        <p15:guide id="18" pos="3771" userDrawn="1">
          <p15:clr>
            <a:srgbClr val="F26B43"/>
          </p15:clr>
        </p15:guide>
        <p15:guide id="19" pos="3908" userDrawn="1">
          <p15:clr>
            <a:srgbClr val="F26B43"/>
          </p15:clr>
        </p15:guide>
        <p15:guide id="20" pos="4355" userDrawn="1">
          <p15:clr>
            <a:srgbClr val="F26B43"/>
          </p15:clr>
        </p15:guide>
        <p15:guide id="21" pos="4491" userDrawn="1">
          <p15:clr>
            <a:srgbClr val="F26B43"/>
          </p15:clr>
        </p15:guide>
        <p15:guide id="22" pos="4938" userDrawn="1">
          <p15:clr>
            <a:srgbClr val="F26B43"/>
          </p15:clr>
        </p15:guide>
        <p15:guide id="23" pos="5074" userDrawn="1">
          <p15:clr>
            <a:srgbClr val="F26B43"/>
          </p15:clr>
        </p15:guide>
        <p15:guide id="24" pos="5521" userDrawn="1">
          <p15:clr>
            <a:srgbClr val="F26B43"/>
          </p15:clr>
        </p15:guide>
        <p15:guide id="25" pos="5657" userDrawn="1">
          <p15:clr>
            <a:srgbClr val="F26B43"/>
          </p15:clr>
        </p15:guide>
        <p15:guide id="26" pos="6105" userDrawn="1">
          <p15:clr>
            <a:srgbClr val="F26B43"/>
          </p15:clr>
        </p15:guide>
        <p15:guide id="27" pos="6241" userDrawn="1">
          <p15:clr>
            <a:srgbClr val="F26B43"/>
          </p15:clr>
        </p15:guide>
        <p15:guide id="28" pos="6688" userDrawn="1">
          <p15:clr>
            <a:srgbClr val="F26B43"/>
          </p15:clr>
        </p15:guide>
        <p15:guide id="29" pos="682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6" Type="http://schemas.microsoft.com/office/2007/relationships/hdphoto" Target="../media/hdphoto1.wdp"/><Relationship Id="rId5" Type="http://schemas.openxmlformats.org/officeDocument/2006/relationships/image" Target="../media/image15.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7.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_rels/slide11.xml.rels><?xml version="1.0" encoding="UTF-8" standalone="yes"?>
<Relationships xmlns="http://schemas.openxmlformats.org/package/2006/relationships"><Relationship Id="rId3" Type="http://schemas.openxmlformats.org/officeDocument/2006/relationships/diagramLayout" Target="../diagrams/layout6.xml"/><Relationship Id="rId7" Type="http://schemas.openxmlformats.org/officeDocument/2006/relationships/image" Target="../media/image56.emf"/><Relationship Id="rId2" Type="http://schemas.openxmlformats.org/officeDocument/2006/relationships/diagramData" Target="../diagrams/data6.xml"/><Relationship Id="rId1" Type="http://schemas.openxmlformats.org/officeDocument/2006/relationships/slideLayout" Target="../slideLayouts/slideLayout11.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12.xml.rels><?xml version="1.0" encoding="UTF-8" standalone="yes"?>
<Relationships xmlns="http://schemas.openxmlformats.org/package/2006/relationships"><Relationship Id="rId8" Type="http://schemas.microsoft.com/office/2007/relationships/diagramDrawing" Target="../diagrams/drawing7.xml"/><Relationship Id="rId3" Type="http://schemas.openxmlformats.org/officeDocument/2006/relationships/image" Target="../media/image57.emf"/><Relationship Id="rId7" Type="http://schemas.openxmlformats.org/officeDocument/2006/relationships/diagramColors" Target="../diagrams/colors7.xml"/><Relationship Id="rId2" Type="http://schemas.openxmlformats.org/officeDocument/2006/relationships/notesSlide" Target="../notesSlides/notesSlide9.xml"/><Relationship Id="rId1" Type="http://schemas.openxmlformats.org/officeDocument/2006/relationships/slideLayout" Target="../slideLayouts/slideLayout11.xml"/><Relationship Id="rId6" Type="http://schemas.openxmlformats.org/officeDocument/2006/relationships/diagramQuickStyle" Target="../diagrams/quickStyle7.xml"/><Relationship Id="rId5" Type="http://schemas.openxmlformats.org/officeDocument/2006/relationships/diagramLayout" Target="../diagrams/layout7.xml"/><Relationship Id="rId4" Type="http://schemas.openxmlformats.org/officeDocument/2006/relationships/diagramData" Target="../diagrams/data7.xml"/></Relationships>
</file>

<file path=ppt/slides/_rels/slide13.xml.rels><?xml version="1.0" encoding="UTF-8" standalone="yes"?>
<Relationships xmlns="http://schemas.openxmlformats.org/package/2006/relationships"><Relationship Id="rId3" Type="http://schemas.openxmlformats.org/officeDocument/2006/relationships/image" Target="../media/image58.emf"/><Relationship Id="rId2" Type="http://schemas.openxmlformats.org/officeDocument/2006/relationships/notesSlide" Target="../notesSlides/notesSlide10.xml"/><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diagramData" Target="../diagrams/data8.xml"/><Relationship Id="rId7" Type="http://schemas.microsoft.com/office/2007/relationships/diagramDrawing" Target="../diagrams/drawing8.xml"/><Relationship Id="rId2" Type="http://schemas.openxmlformats.org/officeDocument/2006/relationships/notesSlide" Target="../notesSlides/notesSlide11.xml"/><Relationship Id="rId1" Type="http://schemas.openxmlformats.org/officeDocument/2006/relationships/slideLayout" Target="../slideLayouts/slideLayout7.xml"/><Relationship Id="rId6" Type="http://schemas.openxmlformats.org/officeDocument/2006/relationships/diagramColors" Target="../diagrams/colors8.xml"/><Relationship Id="rId5" Type="http://schemas.openxmlformats.org/officeDocument/2006/relationships/diagramQuickStyle" Target="../diagrams/quickStyle8.xml"/><Relationship Id="rId4" Type="http://schemas.openxmlformats.org/officeDocument/2006/relationships/diagramLayout" Target="../diagrams/layout8.xml"/></Relationships>
</file>

<file path=ppt/slides/_rels/slide15.xml.rels><?xml version="1.0" encoding="UTF-8" standalone="yes"?>
<Relationships xmlns="http://schemas.openxmlformats.org/package/2006/relationships"><Relationship Id="rId3" Type="http://schemas.openxmlformats.org/officeDocument/2006/relationships/diagramData" Target="../diagrams/data9.xml"/><Relationship Id="rId7" Type="http://schemas.microsoft.com/office/2007/relationships/diagramDrawing" Target="../diagrams/drawing9.xml"/><Relationship Id="rId2" Type="http://schemas.openxmlformats.org/officeDocument/2006/relationships/notesSlide" Target="../notesSlides/notesSlide12.xml"/><Relationship Id="rId1" Type="http://schemas.openxmlformats.org/officeDocument/2006/relationships/slideLayout" Target="../slideLayouts/slideLayout26.xml"/><Relationship Id="rId6" Type="http://schemas.openxmlformats.org/officeDocument/2006/relationships/diagramColors" Target="../diagrams/colors9.xml"/><Relationship Id="rId5" Type="http://schemas.openxmlformats.org/officeDocument/2006/relationships/diagramQuickStyle" Target="../diagrams/quickStyle9.xml"/><Relationship Id="rId4" Type="http://schemas.openxmlformats.org/officeDocument/2006/relationships/diagramLayout" Target="../diagrams/layout9.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77.bin"/><Relationship Id="rId5" Type="http://schemas.openxmlformats.org/officeDocument/2006/relationships/hyperlink" Target="mailto:nicholas.lastname@collierseng.com" TargetMode="External"/><Relationship Id="rId4" Type="http://schemas.openxmlformats.org/officeDocument/2006/relationships/notesSlide" Target="../notesSlides/notesSlide13.xml"/></Relationships>
</file>

<file path=ppt/slides/_rels/slide2.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notesSlide" Target="../notesSlides/notesSlide2.xml"/><Relationship Id="rId1"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26.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8" Type="http://schemas.microsoft.com/office/2007/relationships/diagramDrawing" Target="../diagrams/drawing2.xml"/><Relationship Id="rId3" Type="http://schemas.openxmlformats.org/officeDocument/2006/relationships/image" Target="../media/image25.emf"/><Relationship Id="rId7" Type="http://schemas.openxmlformats.org/officeDocument/2006/relationships/diagramColors" Target="../diagrams/colors2.xml"/><Relationship Id="rId2" Type="http://schemas.openxmlformats.org/officeDocument/2006/relationships/notesSlide" Target="../notesSlides/notesSlide4.xml"/><Relationship Id="rId1" Type="http://schemas.openxmlformats.org/officeDocument/2006/relationships/slideLayout" Target="../slideLayouts/slideLayout11.xml"/><Relationship Id="rId6" Type="http://schemas.openxmlformats.org/officeDocument/2006/relationships/diagramQuickStyle" Target="../diagrams/quickStyle2.xml"/><Relationship Id="rId5" Type="http://schemas.openxmlformats.org/officeDocument/2006/relationships/diagramLayout" Target="../diagrams/layout2.xml"/><Relationship Id="rId10" Type="http://schemas.openxmlformats.org/officeDocument/2006/relationships/image" Target="../media/image27.emf"/><Relationship Id="rId4" Type="http://schemas.openxmlformats.org/officeDocument/2006/relationships/diagramData" Target="../diagrams/data2.xml"/><Relationship Id="rId9" Type="http://schemas.openxmlformats.org/officeDocument/2006/relationships/image" Target="../media/image26.emf"/></Relationships>
</file>

<file path=ppt/slides/_rels/slide5.xml.rels><?xml version="1.0" encoding="UTF-8" standalone="yes"?>
<Relationships xmlns="http://schemas.openxmlformats.org/package/2006/relationships"><Relationship Id="rId3" Type="http://schemas.openxmlformats.org/officeDocument/2006/relationships/image" Target="../media/image28.jpeg"/><Relationship Id="rId2" Type="http://schemas.openxmlformats.org/officeDocument/2006/relationships/notesSlide" Target="../notesSlides/notesSlide5.xml"/><Relationship Id="rId1" Type="http://schemas.openxmlformats.org/officeDocument/2006/relationships/slideLayout" Target="../slideLayouts/slideLayout15.xml"/></Relationships>
</file>

<file path=ppt/slides/_rels/slide6.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6.xml"/><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3" Type="http://schemas.openxmlformats.org/officeDocument/2006/relationships/image" Target="../media/image30.emf"/><Relationship Id="rId2" Type="http://schemas.openxmlformats.org/officeDocument/2006/relationships/notesSlide" Target="../notesSlides/notesSlide7.xml"/><Relationship Id="rId1" Type="http://schemas.openxmlformats.org/officeDocument/2006/relationships/slideLayout" Target="../slideLayouts/slideLayout9.xml"/><Relationship Id="rId6" Type="http://schemas.openxmlformats.org/officeDocument/2006/relationships/image" Target="../media/image33.emf"/><Relationship Id="rId5" Type="http://schemas.openxmlformats.org/officeDocument/2006/relationships/image" Target="../media/image32.emf"/><Relationship Id="rId4" Type="http://schemas.openxmlformats.org/officeDocument/2006/relationships/image" Target="../media/image31.emf"/></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8.xml"/><Relationship Id="rId1" Type="http://schemas.openxmlformats.org/officeDocument/2006/relationships/slideLayout" Target="../slideLayouts/slideLayout7.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26.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5B38EA02-2D35-198C-986F-CDA161DC6EC6}"/>
              </a:ext>
            </a:extLst>
          </p:cNvPr>
          <p:cNvPicPr>
            <a:picLocks noGrp="1" noChangeAspect="1"/>
          </p:cNvPicPr>
          <p:nvPr>
            <p:ph type="pic" sz="quarter" idx="13"/>
          </p:nvPr>
        </p:nvPicPr>
        <p:blipFill>
          <a:blip r:embed="rId5">
            <a:grayscl/>
            <a:extLst>
              <a:ext uri="{BEBA8EAE-BF5A-486C-A8C5-ECC9F3942E4B}">
                <a14:imgProps xmlns:a14="http://schemas.microsoft.com/office/drawing/2010/main">
                  <a14:imgLayer r:embed="rId6">
                    <a14:imgEffect>
                      <a14:colorTemperature colorTemp="4700"/>
                    </a14:imgEffect>
                    <a14:imgEffect>
                      <a14:brightnessContrast contrast="-20000"/>
                    </a14:imgEffect>
                  </a14:imgLayer>
                </a14:imgProps>
              </a:ext>
              <a:ext uri="{28A0092B-C50C-407E-A947-70E740481C1C}">
                <a14:useLocalDpi xmlns:a14="http://schemas.microsoft.com/office/drawing/2010/main" val="0"/>
              </a:ext>
            </a:extLst>
          </a:blip>
          <a:srcRect t="12500" b="12500"/>
          <a:stretch>
            <a:fillRect/>
          </a:stretch>
        </p:blipFill>
        <p:spPr/>
      </p:pic>
      <p:sp>
        <p:nvSpPr>
          <p:cNvPr id="20" name="Title 19">
            <a:extLst>
              <a:ext uri="{FF2B5EF4-FFF2-40B4-BE49-F238E27FC236}">
                <a16:creationId xmlns:a16="http://schemas.microsoft.com/office/drawing/2014/main" id="{1499279C-2E59-4021-89E4-7F9B1D7273D2}"/>
              </a:ext>
            </a:extLst>
          </p:cNvPr>
          <p:cNvSpPr>
            <a:spLocks noGrp="1"/>
          </p:cNvSpPr>
          <p:nvPr>
            <p:ph type="title"/>
          </p:nvPr>
        </p:nvSpPr>
        <p:spPr/>
        <p:txBody>
          <a:bodyPr/>
          <a:lstStyle/>
          <a:p>
            <a:r>
              <a:rPr lang="en-US" dirty="0"/>
              <a:t>Post-Ida Resilience Planning in Montclair</a:t>
            </a:r>
          </a:p>
        </p:txBody>
      </p:sp>
      <p:sp>
        <p:nvSpPr>
          <p:cNvPr id="22" name="Text Placeholder 21">
            <a:extLst>
              <a:ext uri="{FF2B5EF4-FFF2-40B4-BE49-F238E27FC236}">
                <a16:creationId xmlns:a16="http://schemas.microsoft.com/office/drawing/2014/main" id="{44F49352-A3CA-4A9A-AFDF-4F2C9A8B2F7C}"/>
              </a:ext>
            </a:extLst>
          </p:cNvPr>
          <p:cNvSpPr>
            <a:spLocks noGrp="1"/>
          </p:cNvSpPr>
          <p:nvPr>
            <p:ph type="body" sz="quarter" idx="14"/>
          </p:nvPr>
        </p:nvSpPr>
        <p:spPr/>
        <p:txBody>
          <a:bodyPr/>
          <a:lstStyle/>
          <a:p>
            <a:endParaRPr lang="en-US"/>
          </a:p>
        </p:txBody>
      </p:sp>
      <p:sp>
        <p:nvSpPr>
          <p:cNvPr id="24" name="Text Placeholder 23">
            <a:extLst>
              <a:ext uri="{FF2B5EF4-FFF2-40B4-BE49-F238E27FC236}">
                <a16:creationId xmlns:a16="http://schemas.microsoft.com/office/drawing/2014/main" id="{1120D3CE-891E-414F-81BF-21E1B3C06AFD}"/>
              </a:ext>
            </a:extLst>
          </p:cNvPr>
          <p:cNvSpPr>
            <a:spLocks noGrp="1"/>
          </p:cNvSpPr>
          <p:nvPr>
            <p:ph type="body" sz="quarter" idx="16"/>
          </p:nvPr>
        </p:nvSpPr>
        <p:spPr/>
        <p:txBody>
          <a:bodyPr/>
          <a:lstStyle/>
          <a:p>
            <a:r>
              <a:rPr lang="en-US" sz="1800" dirty="0"/>
              <a:t>Nicholas Dickerson, PP, AICP, CFM</a:t>
            </a:r>
          </a:p>
        </p:txBody>
      </p:sp>
      <p:sp>
        <p:nvSpPr>
          <p:cNvPr id="25" name="Text Placeholder 24">
            <a:extLst>
              <a:ext uri="{FF2B5EF4-FFF2-40B4-BE49-F238E27FC236}">
                <a16:creationId xmlns:a16="http://schemas.microsoft.com/office/drawing/2014/main" id="{0CAE5F5F-2BBA-400C-A55C-556881345D02}"/>
              </a:ext>
            </a:extLst>
          </p:cNvPr>
          <p:cNvSpPr>
            <a:spLocks noGrp="1"/>
          </p:cNvSpPr>
          <p:nvPr>
            <p:ph type="body" sz="quarter" idx="18"/>
          </p:nvPr>
        </p:nvSpPr>
        <p:spPr>
          <a:xfrm>
            <a:off x="647700" y="3615646"/>
            <a:ext cx="5108933" cy="514202"/>
          </a:xfrm>
        </p:spPr>
        <p:txBody>
          <a:bodyPr/>
          <a:lstStyle/>
          <a:p>
            <a:r>
              <a:rPr lang="en-US" dirty="0"/>
              <a:t>2026 New Jersey Coastal and Climate Resilience Conference</a:t>
            </a:r>
          </a:p>
        </p:txBody>
      </p:sp>
      <p:sp>
        <p:nvSpPr>
          <p:cNvPr id="2" name="Text Placeholder 23">
            <a:extLst>
              <a:ext uri="{FF2B5EF4-FFF2-40B4-BE49-F238E27FC236}">
                <a16:creationId xmlns:a16="http://schemas.microsoft.com/office/drawing/2014/main" id="{7BD4C599-15F8-4EE8-2A8D-CABD2DE54908}"/>
              </a:ext>
            </a:extLst>
          </p:cNvPr>
          <p:cNvSpPr txBox="1">
            <a:spLocks/>
          </p:cNvSpPr>
          <p:nvPr/>
        </p:nvSpPr>
        <p:spPr>
          <a:xfrm>
            <a:off x="647700" y="4618693"/>
            <a:ext cx="4864100" cy="242887"/>
          </a:xfrm>
          <a:prstGeom prst="rect">
            <a:avLst/>
          </a:prstGeom>
        </p:spPr>
        <p:txBody>
          <a:bodyPr vert="horz" lIns="0" tIns="0" rIns="0" bIns="0" rtlCol="0">
            <a:noAutofit/>
          </a:bodyPr>
          <a:lstStyle>
            <a:lvl1pPr marL="0" indent="0" algn="l" defTabSz="914400" rtl="0" eaLnBrk="1" latinLnBrk="0" hangingPunct="1">
              <a:lnSpc>
                <a:spcPct val="100000"/>
              </a:lnSpc>
              <a:spcBef>
                <a:spcPts val="300"/>
              </a:spcBef>
              <a:spcAft>
                <a:spcPts val="600"/>
              </a:spcAft>
              <a:buFont typeface="Arial" panose="020B0604020202020204" pitchFamily="34" charset="0"/>
              <a:buNone/>
              <a:defRPr sz="1600" kern="1200">
                <a:solidFill>
                  <a:schemeClr val="tx2"/>
                </a:solidFill>
                <a:latin typeface="+mn-lt"/>
                <a:ea typeface="+mn-ea"/>
                <a:cs typeface="+mn-cs"/>
              </a:defRPr>
            </a:lvl1pPr>
            <a:lvl2pPr marL="432000" indent="-216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30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600"/>
              </a:spcAft>
              <a:buFont typeface="Arial" panose="020B0604020202020204" pitchFamily="34" charset="0"/>
              <a:buChar char="​"/>
              <a:defRPr sz="2000" b="1" kern="1200">
                <a:solidFill>
                  <a:schemeClr val="tx2"/>
                </a:solidFill>
                <a:latin typeface="+mn-lt"/>
                <a:ea typeface="+mn-ea"/>
                <a:cs typeface="+mn-cs"/>
              </a:defRPr>
            </a:lvl4pPr>
            <a:lvl5pPr marL="0" indent="0" algn="l" defTabSz="914400" rtl="0" eaLnBrk="1" latinLnBrk="0" hangingPunct="1">
              <a:lnSpc>
                <a:spcPct val="100000"/>
              </a:lnSpc>
              <a:spcBef>
                <a:spcPts val="300"/>
              </a:spcBef>
              <a:spcAft>
                <a:spcPts val="600"/>
              </a:spcAft>
              <a:buFont typeface="Arial" panose="020B0604020202020204" pitchFamily="34" charset="0"/>
              <a:buChar char="​"/>
              <a:tabLst/>
              <a:defRPr sz="1600" kern="1200">
                <a:solidFill>
                  <a:schemeClr val="tx1"/>
                </a:solidFill>
                <a:latin typeface="+mn-lt"/>
                <a:ea typeface="+mn-ea"/>
                <a:cs typeface="+mn-cs"/>
              </a:defRPr>
            </a:lvl5pPr>
            <a:lvl6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2400"/>
              </a:spcBef>
              <a:spcAft>
                <a:spcPts val="1200"/>
              </a:spcAft>
              <a:buFont typeface="Arial" panose="020B0604020202020204" pitchFamily="34" charset="0"/>
              <a:buChar char="​"/>
              <a:defRPr sz="4400" kern="1200" baseline="0">
                <a:solidFill>
                  <a:schemeClr val="tx2"/>
                </a:solidFill>
                <a:latin typeface="+mj-lt"/>
                <a:ea typeface="+mn-ea"/>
                <a:cs typeface="+mn-cs"/>
              </a:defRPr>
            </a:lvl9pPr>
          </a:lstStyle>
          <a:p>
            <a:r>
              <a:rPr lang="en-US" sz="1800" dirty="0"/>
              <a:t>March 9, 2026</a:t>
            </a:r>
          </a:p>
        </p:txBody>
      </p:sp>
    </p:spTree>
    <p:custDataLst>
      <p:custData r:id="rId1"/>
      <p:custData r:id="rId2"/>
    </p:custDataLst>
    <p:extLst>
      <p:ext uri="{BB962C8B-B14F-4D97-AF65-F5344CB8AC3E}">
        <p14:creationId xmlns:p14="http://schemas.microsoft.com/office/powerpoint/2010/main" val="69415335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 Placeholder 1">
            <a:extLst>
              <a:ext uri="{FF2B5EF4-FFF2-40B4-BE49-F238E27FC236}">
                <a16:creationId xmlns:a16="http://schemas.microsoft.com/office/drawing/2014/main" id="{463C1B85-19FC-BA2A-54C4-A25A2B55702A}"/>
              </a:ext>
            </a:extLst>
          </p:cNvPr>
          <p:cNvSpPr>
            <a:spLocks noGrp="1"/>
          </p:cNvSpPr>
          <p:nvPr>
            <p:ph type="body" sz="quarter" idx="13"/>
          </p:nvPr>
        </p:nvSpPr>
        <p:spPr>
          <a:xfrm>
            <a:off x="647700" y="647700"/>
            <a:ext cx="10893425" cy="414338"/>
          </a:xfrm>
        </p:spPr>
        <p:txBody>
          <a:bodyPr/>
          <a:lstStyle/>
          <a:p>
            <a:endParaRPr lang="en-US"/>
          </a:p>
        </p:txBody>
      </p:sp>
      <p:sp>
        <p:nvSpPr>
          <p:cNvPr id="3" name="Title 2">
            <a:extLst>
              <a:ext uri="{FF2B5EF4-FFF2-40B4-BE49-F238E27FC236}">
                <a16:creationId xmlns:a16="http://schemas.microsoft.com/office/drawing/2014/main" id="{29590596-8F73-C1A9-44D4-200B4CD5A9C6}"/>
              </a:ext>
            </a:extLst>
          </p:cNvPr>
          <p:cNvSpPr>
            <a:spLocks noGrp="1"/>
          </p:cNvSpPr>
          <p:nvPr>
            <p:ph type="title"/>
          </p:nvPr>
        </p:nvSpPr>
        <p:spPr>
          <a:xfrm>
            <a:off x="648000" y="1062000"/>
            <a:ext cx="10893600" cy="835200"/>
          </a:xfrm>
        </p:spPr>
        <p:txBody>
          <a:bodyPr anchor="t">
            <a:normAutofit/>
          </a:bodyPr>
          <a:lstStyle/>
          <a:p>
            <a:r>
              <a:rPr lang="en-US" dirty="0"/>
              <a:t>It’s not just flooding</a:t>
            </a:r>
          </a:p>
        </p:txBody>
      </p:sp>
      <p:sp>
        <p:nvSpPr>
          <p:cNvPr id="18" name="Text Placeholder 4">
            <a:extLst>
              <a:ext uri="{FF2B5EF4-FFF2-40B4-BE49-F238E27FC236}">
                <a16:creationId xmlns:a16="http://schemas.microsoft.com/office/drawing/2014/main" id="{C2F1470A-B7C3-1212-00FA-4B8DDC89C356}"/>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F38B4946-BF24-F59E-67C9-29A1E385E4D4}"/>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80E9EFB2-9A81-2C37-C617-1F38ED47D3AC}"/>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0</a:t>
            </a:fld>
            <a:endParaRPr lang="en-US"/>
          </a:p>
        </p:txBody>
      </p:sp>
      <p:graphicFrame>
        <p:nvGraphicFramePr>
          <p:cNvPr id="12" name="Content Placeholder 3">
            <a:extLst>
              <a:ext uri="{FF2B5EF4-FFF2-40B4-BE49-F238E27FC236}">
                <a16:creationId xmlns:a16="http://schemas.microsoft.com/office/drawing/2014/main" id="{D060568F-CAAF-E4CC-CEA4-8A63EF7CE1A5}"/>
              </a:ext>
            </a:extLst>
          </p:cNvPr>
          <p:cNvGraphicFramePr>
            <a:graphicFrameLocks noGrp="1"/>
          </p:cNvGraphicFramePr>
          <p:nvPr>
            <p:ph idx="1"/>
            <p:extLst>
              <p:ext uri="{D42A27DB-BD31-4B8C-83A1-F6EECF244321}">
                <p14:modId xmlns:p14="http://schemas.microsoft.com/office/powerpoint/2010/main" val="3626276980"/>
              </p:ext>
            </p:extLst>
          </p:nvPr>
        </p:nvGraphicFramePr>
        <p:xfrm>
          <a:off x="648000" y="2044800"/>
          <a:ext cx="10893600" cy="41616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92204435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384CBE03-2181-EA58-D9B7-54780B13D10C}"/>
              </a:ext>
            </a:extLst>
          </p:cNvPr>
          <p:cNvSpPr>
            <a:spLocks noGrp="1"/>
          </p:cNvSpPr>
          <p:nvPr>
            <p:ph type="body" sz="quarter" idx="13"/>
          </p:nvPr>
        </p:nvSpPr>
        <p:spPr>
          <a:xfrm>
            <a:off x="647700" y="647700"/>
            <a:ext cx="10893425" cy="414338"/>
          </a:xfrm>
        </p:spPr>
        <p:txBody>
          <a:bodyPr/>
          <a:lstStyle/>
          <a:p>
            <a:endParaRPr lang="en-US"/>
          </a:p>
        </p:txBody>
      </p:sp>
      <p:sp>
        <p:nvSpPr>
          <p:cNvPr id="3" name="Title 2">
            <a:extLst>
              <a:ext uri="{FF2B5EF4-FFF2-40B4-BE49-F238E27FC236}">
                <a16:creationId xmlns:a16="http://schemas.microsoft.com/office/drawing/2014/main" id="{16294F8E-EDF7-92C4-10B6-81B1CDA680CA}"/>
              </a:ext>
            </a:extLst>
          </p:cNvPr>
          <p:cNvSpPr>
            <a:spLocks noGrp="1"/>
          </p:cNvSpPr>
          <p:nvPr>
            <p:ph type="title"/>
          </p:nvPr>
        </p:nvSpPr>
        <p:spPr>
          <a:xfrm>
            <a:off x="648000" y="1062000"/>
            <a:ext cx="10893600" cy="835200"/>
          </a:xfrm>
        </p:spPr>
        <p:txBody>
          <a:bodyPr anchor="t">
            <a:normAutofit/>
          </a:bodyPr>
          <a:lstStyle/>
          <a:p>
            <a:r>
              <a:rPr lang="en-US" dirty="0"/>
              <a:t>Who is Most Vulnerable?</a:t>
            </a:r>
          </a:p>
        </p:txBody>
      </p:sp>
      <p:sp>
        <p:nvSpPr>
          <p:cNvPr id="18" name="Text Placeholder 4">
            <a:extLst>
              <a:ext uri="{FF2B5EF4-FFF2-40B4-BE49-F238E27FC236}">
                <a16:creationId xmlns:a16="http://schemas.microsoft.com/office/drawing/2014/main" id="{09954764-71FA-4114-AD13-36E0BC6E737B}"/>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2697E7E0-0202-8184-8131-BE39FB2B8246}"/>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7CA48C75-8D61-62A7-5434-C24919BEA82D}"/>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1</a:t>
            </a:fld>
            <a:endParaRPr lang="en-US"/>
          </a:p>
        </p:txBody>
      </p:sp>
      <p:graphicFrame>
        <p:nvGraphicFramePr>
          <p:cNvPr id="10" name="Content Placeholder 3">
            <a:extLst>
              <a:ext uri="{FF2B5EF4-FFF2-40B4-BE49-F238E27FC236}">
                <a16:creationId xmlns:a16="http://schemas.microsoft.com/office/drawing/2014/main" id="{945A2436-4FE9-D7FE-3518-BFC1EA7C80EC}"/>
              </a:ext>
            </a:extLst>
          </p:cNvPr>
          <p:cNvGraphicFramePr>
            <a:graphicFrameLocks noGrp="1"/>
          </p:cNvGraphicFramePr>
          <p:nvPr>
            <p:ph sz="quarter" idx="15"/>
            <p:extLst>
              <p:ext uri="{D42A27DB-BD31-4B8C-83A1-F6EECF244321}">
                <p14:modId xmlns:p14="http://schemas.microsoft.com/office/powerpoint/2010/main" val="4229382009"/>
              </p:ext>
            </p:extLst>
          </p:nvPr>
        </p:nvGraphicFramePr>
        <p:xfrm>
          <a:off x="5276850" y="2046288"/>
          <a:ext cx="6265863" cy="416242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pic>
        <p:nvPicPr>
          <p:cNvPr id="8" name="Picture 7">
            <a:extLst>
              <a:ext uri="{FF2B5EF4-FFF2-40B4-BE49-F238E27FC236}">
                <a16:creationId xmlns:a16="http://schemas.microsoft.com/office/drawing/2014/main" id="{C561D473-2598-9905-574B-265E46B57928}"/>
              </a:ext>
            </a:extLst>
          </p:cNvPr>
          <p:cNvPicPr>
            <a:picLocks noChangeAspect="1"/>
          </p:cNvPicPr>
          <p:nvPr/>
        </p:nvPicPr>
        <p:blipFill>
          <a:blip r:embed="rId7"/>
          <a:stretch>
            <a:fillRect/>
          </a:stretch>
        </p:blipFill>
        <p:spPr>
          <a:xfrm>
            <a:off x="930649" y="1846433"/>
            <a:ext cx="3657600" cy="4720107"/>
          </a:xfrm>
          <a:prstGeom prst="rect">
            <a:avLst/>
          </a:prstGeom>
        </p:spPr>
      </p:pic>
      <p:sp>
        <p:nvSpPr>
          <p:cNvPr id="11" name="Content Placeholder 10">
            <a:extLst>
              <a:ext uri="{FF2B5EF4-FFF2-40B4-BE49-F238E27FC236}">
                <a16:creationId xmlns:a16="http://schemas.microsoft.com/office/drawing/2014/main" id="{7BF01B41-9BA1-C967-2CCA-F902B4C4B328}"/>
              </a:ext>
            </a:extLst>
          </p:cNvPr>
          <p:cNvSpPr>
            <a:spLocks noGrp="1"/>
          </p:cNvSpPr>
          <p:nvPr>
            <p:ph idx="1"/>
          </p:nvPr>
        </p:nvSpPr>
        <p:spPr/>
        <p:txBody>
          <a:bodyPr/>
          <a:lstStyle/>
          <a:p>
            <a:endParaRPr lang="en-US"/>
          </a:p>
        </p:txBody>
      </p:sp>
    </p:spTree>
    <p:extLst>
      <p:ext uri="{BB962C8B-B14F-4D97-AF65-F5344CB8AC3E}">
        <p14:creationId xmlns:p14="http://schemas.microsoft.com/office/powerpoint/2010/main" val="31522715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6BC56697-0869-58D3-1535-2A1CBEDB28E8}"/>
              </a:ext>
            </a:extLst>
          </p:cNvPr>
          <p:cNvSpPr>
            <a:spLocks noGrp="1"/>
          </p:cNvSpPr>
          <p:nvPr>
            <p:ph type="body" sz="quarter" idx="13"/>
          </p:nvPr>
        </p:nvSpPr>
        <p:spPr>
          <a:xfrm>
            <a:off x="647700" y="647700"/>
            <a:ext cx="10893425" cy="414338"/>
          </a:xfrm>
        </p:spPr>
        <p:txBody>
          <a:bodyPr/>
          <a:lstStyle/>
          <a:p>
            <a:r>
              <a:rPr lang="en-US" dirty="0"/>
              <a:t>2025</a:t>
            </a:r>
          </a:p>
        </p:txBody>
      </p:sp>
      <p:sp>
        <p:nvSpPr>
          <p:cNvPr id="3" name="Title 2">
            <a:extLst>
              <a:ext uri="{FF2B5EF4-FFF2-40B4-BE49-F238E27FC236}">
                <a16:creationId xmlns:a16="http://schemas.microsoft.com/office/drawing/2014/main" id="{329C1EFB-EFD1-17B4-40F4-AE858EA844D4}"/>
              </a:ext>
            </a:extLst>
          </p:cNvPr>
          <p:cNvSpPr>
            <a:spLocks noGrp="1"/>
          </p:cNvSpPr>
          <p:nvPr>
            <p:ph type="title"/>
          </p:nvPr>
        </p:nvSpPr>
        <p:spPr>
          <a:xfrm>
            <a:off x="648000" y="1062000"/>
            <a:ext cx="10893600" cy="835200"/>
          </a:xfrm>
        </p:spPr>
        <p:txBody>
          <a:bodyPr anchor="t">
            <a:normAutofit/>
          </a:bodyPr>
          <a:lstStyle/>
          <a:p>
            <a:r>
              <a:rPr lang="en-US" sz="3100"/>
              <a:t>Sustainability &amp; Resilience Amendments to the Master Plan</a:t>
            </a:r>
          </a:p>
        </p:txBody>
      </p:sp>
      <p:pic>
        <p:nvPicPr>
          <p:cNvPr id="4" name="Content Placeholder 3">
            <a:extLst>
              <a:ext uri="{FF2B5EF4-FFF2-40B4-BE49-F238E27FC236}">
                <a16:creationId xmlns:a16="http://schemas.microsoft.com/office/drawing/2014/main" id="{E3138D60-8AB8-1F50-5C05-7B99B975E1B2}"/>
              </a:ext>
            </a:extLst>
          </p:cNvPr>
          <p:cNvPicPr>
            <a:picLocks noGrp="1" noChangeAspect="1"/>
          </p:cNvPicPr>
          <p:nvPr>
            <p:ph idx="1"/>
          </p:nvPr>
        </p:nvPicPr>
        <p:blipFill>
          <a:blip r:embed="rId3"/>
          <a:stretch>
            <a:fillRect/>
          </a:stretch>
        </p:blipFill>
        <p:spPr>
          <a:xfrm>
            <a:off x="908957" y="1734191"/>
            <a:ext cx="3721100" cy="4796209"/>
          </a:xfrm>
          <a:prstGeom prst="rect">
            <a:avLst/>
          </a:prstGeom>
        </p:spPr>
      </p:pic>
      <p:sp>
        <p:nvSpPr>
          <p:cNvPr id="18" name="Text Placeholder 4">
            <a:extLst>
              <a:ext uri="{FF2B5EF4-FFF2-40B4-BE49-F238E27FC236}">
                <a16:creationId xmlns:a16="http://schemas.microsoft.com/office/drawing/2014/main" id="{65255D6A-3DE3-2E8B-32C4-E60344A2DB57}"/>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3D64BA77-C2C2-92A7-C79B-019422414846}"/>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1F9696C8-9D1E-B2EF-2A5E-5133FEDB5E59}"/>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2</a:t>
            </a:fld>
            <a:endParaRPr lang="en-US"/>
          </a:p>
        </p:txBody>
      </p:sp>
      <p:graphicFrame>
        <p:nvGraphicFramePr>
          <p:cNvPr id="10" name="Content Placeholder 7">
            <a:extLst>
              <a:ext uri="{FF2B5EF4-FFF2-40B4-BE49-F238E27FC236}">
                <a16:creationId xmlns:a16="http://schemas.microsoft.com/office/drawing/2014/main" id="{1772D82E-CBD0-E8AF-D265-3C5EF5C47B09}"/>
              </a:ext>
            </a:extLst>
          </p:cNvPr>
          <p:cNvGraphicFramePr>
            <a:graphicFrameLocks noGrp="1"/>
          </p:cNvGraphicFramePr>
          <p:nvPr>
            <p:ph sz="quarter" idx="15"/>
            <p:extLst>
              <p:ext uri="{D42A27DB-BD31-4B8C-83A1-F6EECF244321}">
                <p14:modId xmlns:p14="http://schemas.microsoft.com/office/powerpoint/2010/main" val="3812317705"/>
              </p:ext>
            </p:extLst>
          </p:nvPr>
        </p:nvGraphicFramePr>
        <p:xfrm>
          <a:off x="5276850" y="2046288"/>
          <a:ext cx="6265863" cy="4162425"/>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267704530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 Placeholder 1">
            <a:extLst>
              <a:ext uri="{FF2B5EF4-FFF2-40B4-BE49-F238E27FC236}">
                <a16:creationId xmlns:a16="http://schemas.microsoft.com/office/drawing/2014/main" id="{B9D35412-C19B-4636-43D5-E60862ACA16A}"/>
              </a:ext>
            </a:extLst>
          </p:cNvPr>
          <p:cNvSpPr>
            <a:spLocks noGrp="1"/>
          </p:cNvSpPr>
          <p:nvPr>
            <p:ph type="body" sz="quarter" idx="13"/>
          </p:nvPr>
        </p:nvSpPr>
        <p:spPr>
          <a:xfrm>
            <a:off x="647700" y="647700"/>
            <a:ext cx="10893425" cy="414338"/>
          </a:xfrm>
        </p:spPr>
        <p:txBody>
          <a:bodyPr/>
          <a:lstStyle/>
          <a:p>
            <a:endParaRPr lang="en-US" dirty="0"/>
          </a:p>
        </p:txBody>
      </p:sp>
      <p:sp>
        <p:nvSpPr>
          <p:cNvPr id="3" name="Title 2">
            <a:extLst>
              <a:ext uri="{FF2B5EF4-FFF2-40B4-BE49-F238E27FC236}">
                <a16:creationId xmlns:a16="http://schemas.microsoft.com/office/drawing/2014/main" id="{2F26C3D1-2EC6-684A-F68B-6CE8C6E576A8}"/>
              </a:ext>
            </a:extLst>
          </p:cNvPr>
          <p:cNvSpPr>
            <a:spLocks noGrp="1"/>
          </p:cNvSpPr>
          <p:nvPr>
            <p:ph type="title"/>
          </p:nvPr>
        </p:nvSpPr>
        <p:spPr>
          <a:xfrm>
            <a:off x="648000" y="1062000"/>
            <a:ext cx="10893600" cy="835200"/>
          </a:xfrm>
        </p:spPr>
        <p:txBody>
          <a:bodyPr anchor="t">
            <a:normAutofit/>
          </a:bodyPr>
          <a:lstStyle/>
          <a:p>
            <a:r>
              <a:rPr lang="en-US" dirty="0"/>
              <a:t>Resilience Action Plan</a:t>
            </a:r>
          </a:p>
        </p:txBody>
      </p:sp>
      <p:sp>
        <p:nvSpPr>
          <p:cNvPr id="4" name="Content Placeholder 3">
            <a:extLst>
              <a:ext uri="{FF2B5EF4-FFF2-40B4-BE49-F238E27FC236}">
                <a16:creationId xmlns:a16="http://schemas.microsoft.com/office/drawing/2014/main" id="{4EA79C28-543E-C17B-96D1-F104AF4961AA}"/>
              </a:ext>
            </a:extLst>
          </p:cNvPr>
          <p:cNvSpPr>
            <a:spLocks noGrp="1"/>
          </p:cNvSpPr>
          <p:nvPr>
            <p:ph idx="1"/>
          </p:nvPr>
        </p:nvSpPr>
        <p:spPr>
          <a:xfrm>
            <a:off x="648000" y="2044800"/>
            <a:ext cx="6267600" cy="4161600"/>
          </a:xfrm>
        </p:spPr>
        <p:txBody>
          <a:bodyPr>
            <a:normAutofit/>
          </a:bodyPr>
          <a:lstStyle/>
          <a:p>
            <a:r>
              <a:rPr lang="en-US" dirty="0"/>
              <a:t>The Action Plan focuses on implementing resilience</a:t>
            </a:r>
          </a:p>
          <a:p>
            <a:r>
              <a:rPr lang="en-US" dirty="0"/>
              <a:t>It sets priorities and helps sequence actions over time</a:t>
            </a:r>
          </a:p>
          <a:p>
            <a:r>
              <a:rPr lang="en-US" dirty="0"/>
              <a:t>Responsibilities are clearly assigned, so nothing gets lost</a:t>
            </a:r>
          </a:p>
          <a:p>
            <a:r>
              <a:rPr lang="en-US" dirty="0"/>
              <a:t>Actions are aligned with available funding opportunities</a:t>
            </a:r>
          </a:p>
        </p:txBody>
      </p:sp>
      <p:sp>
        <p:nvSpPr>
          <p:cNvPr id="17" name="Text Placeholder 4">
            <a:extLst>
              <a:ext uri="{FF2B5EF4-FFF2-40B4-BE49-F238E27FC236}">
                <a16:creationId xmlns:a16="http://schemas.microsoft.com/office/drawing/2014/main" id="{CF3AD487-DBC4-9A1E-1D83-BD1C8B8A1CCF}"/>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BB57EB35-C8E7-DEEF-8480-2FAC61C49203}"/>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C55EF45A-F2D0-96E4-3731-4297513E4569}"/>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3</a:t>
            </a:fld>
            <a:endParaRPr lang="en-US"/>
          </a:p>
        </p:txBody>
      </p:sp>
      <p:pic>
        <p:nvPicPr>
          <p:cNvPr id="5" name="Content Placeholder 4">
            <a:extLst>
              <a:ext uri="{FF2B5EF4-FFF2-40B4-BE49-F238E27FC236}">
                <a16:creationId xmlns:a16="http://schemas.microsoft.com/office/drawing/2014/main" id="{24834D6C-F6E6-A317-EFE2-3A0A2511D076}"/>
              </a:ext>
            </a:extLst>
          </p:cNvPr>
          <p:cNvPicPr>
            <a:picLocks noGrp="1" noChangeAspect="1"/>
          </p:cNvPicPr>
          <p:nvPr>
            <p:ph sz="quarter" idx="15"/>
          </p:nvPr>
        </p:nvPicPr>
        <p:blipFill>
          <a:blip r:embed="rId3"/>
          <a:stretch>
            <a:fillRect/>
          </a:stretch>
        </p:blipFill>
        <p:spPr>
          <a:xfrm>
            <a:off x="7289525" y="1062000"/>
            <a:ext cx="4251600" cy="5484838"/>
          </a:xfrm>
          <a:prstGeom prst="rect">
            <a:avLst/>
          </a:prstGeom>
        </p:spPr>
      </p:pic>
    </p:spTree>
    <p:extLst>
      <p:ext uri="{BB962C8B-B14F-4D97-AF65-F5344CB8AC3E}">
        <p14:creationId xmlns:p14="http://schemas.microsoft.com/office/powerpoint/2010/main" val="313818383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C48C0F25-AE8F-F2FA-447C-794A08EAF8C8}"/>
              </a:ext>
            </a:extLst>
          </p:cNvPr>
          <p:cNvSpPr>
            <a:spLocks noGrp="1"/>
          </p:cNvSpPr>
          <p:nvPr>
            <p:ph type="body" sz="quarter" idx="13"/>
          </p:nvPr>
        </p:nvSpPr>
        <p:spPr>
          <a:xfrm>
            <a:off x="647700" y="647700"/>
            <a:ext cx="10893425" cy="414338"/>
          </a:xfrm>
        </p:spPr>
        <p:txBody>
          <a:bodyPr/>
          <a:lstStyle/>
          <a:p>
            <a:endParaRPr lang="en-US"/>
          </a:p>
        </p:txBody>
      </p:sp>
      <p:sp>
        <p:nvSpPr>
          <p:cNvPr id="3" name="Title 2">
            <a:extLst>
              <a:ext uri="{FF2B5EF4-FFF2-40B4-BE49-F238E27FC236}">
                <a16:creationId xmlns:a16="http://schemas.microsoft.com/office/drawing/2014/main" id="{53592CF0-15CC-6BA6-4A32-7BF83DE08B12}"/>
              </a:ext>
            </a:extLst>
          </p:cNvPr>
          <p:cNvSpPr>
            <a:spLocks noGrp="1"/>
          </p:cNvSpPr>
          <p:nvPr>
            <p:ph type="title"/>
          </p:nvPr>
        </p:nvSpPr>
        <p:spPr>
          <a:xfrm>
            <a:off x="648000" y="1062000"/>
            <a:ext cx="10893600" cy="835200"/>
          </a:xfrm>
        </p:spPr>
        <p:txBody>
          <a:bodyPr anchor="t">
            <a:normAutofit/>
          </a:bodyPr>
          <a:lstStyle/>
          <a:p>
            <a:r>
              <a:rPr lang="en-US" dirty="0"/>
              <a:t>Resilience Goals</a:t>
            </a:r>
          </a:p>
        </p:txBody>
      </p:sp>
      <p:sp>
        <p:nvSpPr>
          <p:cNvPr id="16" name="Text Placeholder 4">
            <a:extLst>
              <a:ext uri="{FF2B5EF4-FFF2-40B4-BE49-F238E27FC236}">
                <a16:creationId xmlns:a16="http://schemas.microsoft.com/office/drawing/2014/main" id="{7085031F-A9CB-6E8E-5261-B3C7B08A31B3}"/>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C2A1B571-B0F7-9A57-F684-E92EAC7FAE5D}"/>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CD4AE030-5784-5E03-5888-D6EBA2D672D7}"/>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4</a:t>
            </a:fld>
            <a:endParaRPr lang="en-US"/>
          </a:p>
        </p:txBody>
      </p:sp>
      <p:graphicFrame>
        <p:nvGraphicFramePr>
          <p:cNvPr id="10" name="Content Placeholder 3">
            <a:extLst>
              <a:ext uri="{FF2B5EF4-FFF2-40B4-BE49-F238E27FC236}">
                <a16:creationId xmlns:a16="http://schemas.microsoft.com/office/drawing/2014/main" id="{B636FF1B-4CCC-5799-F10B-13DB49A415A5}"/>
              </a:ext>
            </a:extLst>
          </p:cNvPr>
          <p:cNvGraphicFramePr>
            <a:graphicFrameLocks noGrp="1"/>
          </p:cNvGraphicFramePr>
          <p:nvPr>
            <p:ph idx="1"/>
            <p:extLst>
              <p:ext uri="{D42A27DB-BD31-4B8C-83A1-F6EECF244321}">
                <p14:modId xmlns:p14="http://schemas.microsoft.com/office/powerpoint/2010/main" val="3632697680"/>
              </p:ext>
            </p:extLst>
          </p:nvPr>
        </p:nvGraphicFramePr>
        <p:xfrm>
          <a:off x="648000" y="2044800"/>
          <a:ext cx="10893600" cy="4161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98182589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AC88F41-D751-1FE1-A6CA-AD5C9490AB82}"/>
              </a:ext>
            </a:extLst>
          </p:cNvPr>
          <p:cNvSpPr>
            <a:spLocks noGrp="1"/>
          </p:cNvSpPr>
          <p:nvPr>
            <p:ph type="title"/>
          </p:nvPr>
        </p:nvSpPr>
        <p:spPr>
          <a:xfrm>
            <a:off x="648000" y="1062000"/>
            <a:ext cx="10893600" cy="835200"/>
          </a:xfrm>
        </p:spPr>
        <p:txBody>
          <a:bodyPr anchor="t">
            <a:normAutofit/>
          </a:bodyPr>
          <a:lstStyle/>
          <a:p>
            <a:r>
              <a:rPr lang="en-US" dirty="0"/>
              <a:t>What Actually Changed after Ida</a:t>
            </a:r>
          </a:p>
        </p:txBody>
      </p:sp>
      <p:sp>
        <p:nvSpPr>
          <p:cNvPr id="6" name="Footer Placeholder 5">
            <a:extLst>
              <a:ext uri="{FF2B5EF4-FFF2-40B4-BE49-F238E27FC236}">
                <a16:creationId xmlns:a16="http://schemas.microsoft.com/office/drawing/2014/main" id="{E6A9E347-94C2-48E2-F02A-10CEF1C1C258}"/>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4C97AD53-5B07-2A70-2690-8BEE428CE842}"/>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15</a:t>
            </a:fld>
            <a:endParaRPr lang="en-US"/>
          </a:p>
        </p:txBody>
      </p:sp>
      <p:graphicFrame>
        <p:nvGraphicFramePr>
          <p:cNvPr id="10" name="Content Placeholder 7">
            <a:extLst>
              <a:ext uri="{FF2B5EF4-FFF2-40B4-BE49-F238E27FC236}">
                <a16:creationId xmlns:a16="http://schemas.microsoft.com/office/drawing/2014/main" id="{5CE64000-93AA-DAB2-5A6B-96D7FD1DA2FD}"/>
              </a:ext>
            </a:extLst>
          </p:cNvPr>
          <p:cNvGraphicFramePr>
            <a:graphicFrameLocks noGrp="1"/>
          </p:cNvGraphicFramePr>
          <p:nvPr>
            <p:ph sz="quarter" idx="13"/>
            <p:extLst>
              <p:ext uri="{D42A27DB-BD31-4B8C-83A1-F6EECF244321}">
                <p14:modId xmlns:p14="http://schemas.microsoft.com/office/powerpoint/2010/main" val="1707177429"/>
              </p:ext>
            </p:extLst>
          </p:nvPr>
        </p:nvGraphicFramePr>
        <p:xfrm>
          <a:off x="647525" y="2046287"/>
          <a:ext cx="10895187" cy="416242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64039301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ctangle 27">
            <a:extLst>
              <a:ext uri="{FF2B5EF4-FFF2-40B4-BE49-F238E27FC236}">
                <a16:creationId xmlns:a16="http://schemas.microsoft.com/office/drawing/2014/main" id="{91D7AE50-0735-4C39-B6E5-46E5C96D381E}"/>
              </a:ext>
            </a:extLst>
          </p:cNvPr>
          <p:cNvSpPr/>
          <p:nvPr/>
        </p:nvSpPr>
        <p:spPr>
          <a:xfrm>
            <a:off x="-1200" y="4493164"/>
            <a:ext cx="12192000" cy="2364835"/>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US" sz="1013" dirty="0"/>
          </a:p>
        </p:txBody>
      </p:sp>
      <p:sp>
        <p:nvSpPr>
          <p:cNvPr id="23" name="Rectangle 22">
            <a:extLst>
              <a:ext uri="{FF2B5EF4-FFF2-40B4-BE49-F238E27FC236}">
                <a16:creationId xmlns:a16="http://schemas.microsoft.com/office/drawing/2014/main" id="{12A14C28-7D2C-4E82-A9DB-157D5AD35A05}"/>
              </a:ext>
            </a:extLst>
          </p:cNvPr>
          <p:cNvSpPr/>
          <p:nvPr/>
        </p:nvSpPr>
        <p:spPr>
          <a:xfrm>
            <a:off x="0" y="2485"/>
            <a:ext cx="12192000" cy="4490680"/>
          </a:xfrm>
          <a:prstGeom prst="rect">
            <a:avLst/>
          </a:prstGeom>
          <a:solidFill>
            <a:srgbClr val="25408F"/>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US" sz="1013" dirty="0"/>
          </a:p>
        </p:txBody>
      </p:sp>
      <p:sp>
        <p:nvSpPr>
          <p:cNvPr id="19" name="Title 18">
            <a:extLst>
              <a:ext uri="{FF2B5EF4-FFF2-40B4-BE49-F238E27FC236}">
                <a16:creationId xmlns:a16="http://schemas.microsoft.com/office/drawing/2014/main" id="{1FB9DD55-BCA3-455F-A34C-1A8D19B55543}"/>
              </a:ext>
            </a:extLst>
          </p:cNvPr>
          <p:cNvSpPr>
            <a:spLocks noGrp="1"/>
          </p:cNvSpPr>
          <p:nvPr>
            <p:ph type="title"/>
          </p:nvPr>
        </p:nvSpPr>
        <p:spPr>
          <a:xfrm>
            <a:off x="648000" y="1062000"/>
            <a:ext cx="4400794" cy="835200"/>
          </a:xfrm>
        </p:spPr>
        <p:txBody>
          <a:bodyPr/>
          <a:lstStyle/>
          <a:p>
            <a:r>
              <a:rPr lang="da-DK" dirty="0"/>
              <a:t>Thank You!</a:t>
            </a:r>
          </a:p>
        </p:txBody>
      </p:sp>
      <p:cxnSp>
        <p:nvCxnSpPr>
          <p:cNvPr id="25" name="Straight Connector 24">
            <a:extLst>
              <a:ext uri="{FF2B5EF4-FFF2-40B4-BE49-F238E27FC236}">
                <a16:creationId xmlns:a16="http://schemas.microsoft.com/office/drawing/2014/main" id="{BA06D321-E0CD-496B-9037-332B00FD1F1F}"/>
              </a:ext>
            </a:extLst>
          </p:cNvPr>
          <p:cNvCxnSpPr>
            <a:cxnSpLocks/>
          </p:cNvCxnSpPr>
          <p:nvPr/>
        </p:nvCxnSpPr>
        <p:spPr>
          <a:xfrm flipV="1">
            <a:off x="11734869" y="-7432"/>
            <a:ext cx="0" cy="4267341"/>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16B43430-D96C-4053-B9D1-9EE568B51A53}"/>
              </a:ext>
            </a:extLst>
          </p:cNvPr>
          <p:cNvCxnSpPr>
            <a:cxnSpLocks/>
          </p:cNvCxnSpPr>
          <p:nvPr/>
        </p:nvCxnSpPr>
        <p:spPr>
          <a:xfrm flipV="1">
            <a:off x="11734869" y="4729558"/>
            <a:ext cx="0" cy="1661514"/>
          </a:xfrm>
          <a:prstGeom prst="line">
            <a:avLst/>
          </a:prstGeom>
          <a:ln w="12700">
            <a:solidFill>
              <a:srgbClr val="25408F"/>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FE0354A-CE4A-4DAC-8B7B-96BE4AB3C7DD}"/>
              </a:ext>
            </a:extLst>
          </p:cNvPr>
          <p:cNvCxnSpPr>
            <a:cxnSpLocks/>
          </p:cNvCxnSpPr>
          <p:nvPr/>
        </p:nvCxnSpPr>
        <p:spPr>
          <a:xfrm>
            <a:off x="-1" y="6391072"/>
            <a:ext cx="11734870" cy="0"/>
          </a:xfrm>
          <a:prstGeom prst="line">
            <a:avLst/>
          </a:prstGeom>
          <a:ln w="12700">
            <a:solidFill>
              <a:srgbClr val="25408F"/>
            </a:solidFill>
          </a:ln>
        </p:spPr>
        <p:style>
          <a:lnRef idx="1">
            <a:schemeClr val="accent1"/>
          </a:lnRef>
          <a:fillRef idx="0">
            <a:schemeClr val="accent1"/>
          </a:fillRef>
          <a:effectRef idx="0">
            <a:schemeClr val="accent1"/>
          </a:effectRef>
          <a:fontRef idx="minor">
            <a:schemeClr val="tx1"/>
          </a:fontRef>
        </p:style>
      </p:cxnSp>
      <p:sp>
        <p:nvSpPr>
          <p:cNvPr id="29" name="Rectangle 28">
            <a:extLst>
              <a:ext uri="{FF2B5EF4-FFF2-40B4-BE49-F238E27FC236}">
                <a16:creationId xmlns:a16="http://schemas.microsoft.com/office/drawing/2014/main" id="{2BCF197D-601C-4CD6-8057-0A8DC51EF221}"/>
              </a:ext>
            </a:extLst>
          </p:cNvPr>
          <p:cNvSpPr/>
          <p:nvPr/>
        </p:nvSpPr>
        <p:spPr>
          <a:xfrm>
            <a:off x="0" y="3147791"/>
            <a:ext cx="5107090" cy="1826709"/>
          </a:xfrm>
          <a:prstGeom prst="rect">
            <a:avLst/>
          </a:prstGeom>
          <a:solidFill>
            <a:srgbClr val="0C9ED9">
              <a:alpha val="9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US" sz="1013"/>
          </a:p>
        </p:txBody>
      </p:sp>
      <p:sp>
        <p:nvSpPr>
          <p:cNvPr id="30" name="object 12">
            <a:extLst>
              <a:ext uri="{FF2B5EF4-FFF2-40B4-BE49-F238E27FC236}">
                <a16:creationId xmlns:a16="http://schemas.microsoft.com/office/drawing/2014/main" id="{D75FD7A2-0343-4664-9DF3-FB25340AF6EF}"/>
              </a:ext>
            </a:extLst>
          </p:cNvPr>
          <p:cNvSpPr txBox="1"/>
          <p:nvPr/>
        </p:nvSpPr>
        <p:spPr>
          <a:xfrm>
            <a:off x="649287" y="3584093"/>
            <a:ext cx="4154942" cy="954107"/>
          </a:xfrm>
          <a:prstGeom prst="rect">
            <a:avLst/>
          </a:prstGeom>
        </p:spPr>
        <p:txBody>
          <a:bodyPr vert="horz" wrap="square" lIns="0" tIns="12700" rIns="0" bIns="0" rtlCol="0">
            <a:spAutoFit/>
          </a:bodyPr>
          <a:lstStyle/>
          <a:p>
            <a:pPr marL="12700">
              <a:lnSpc>
                <a:spcPct val="100000"/>
              </a:lnSpc>
              <a:spcBef>
                <a:spcPts val="100"/>
              </a:spcBef>
            </a:pPr>
            <a:r>
              <a:rPr lang="en-US" sz="1400" b="1" spc="20" dirty="0">
                <a:latin typeface="OpenSans-SemiBold"/>
                <a:cs typeface="OpenSans-SemiBold"/>
              </a:rPr>
              <a:t>Nicholas Dickerson, PP, AICP, CFM</a:t>
            </a:r>
            <a:endParaRPr sz="1400" dirty="0">
              <a:latin typeface="OpenSans-SemiBold"/>
              <a:cs typeface="OpenSans-SemiBold"/>
            </a:endParaRPr>
          </a:p>
          <a:p>
            <a:pPr marL="12700">
              <a:lnSpc>
                <a:spcPct val="100000"/>
              </a:lnSpc>
              <a:spcBef>
                <a:spcPts val="880"/>
              </a:spcBef>
            </a:pPr>
            <a:r>
              <a:rPr lang="en-US" sz="1100" spc="15" dirty="0">
                <a:latin typeface="Open Sans"/>
                <a:cs typeface="Open Sans"/>
              </a:rPr>
              <a:t>Senior Associate-Project Manager</a:t>
            </a:r>
            <a:endParaRPr sz="1100" dirty="0">
              <a:latin typeface="Open Sans"/>
              <a:cs typeface="Open Sans"/>
            </a:endParaRPr>
          </a:p>
          <a:p>
            <a:pPr marL="12700">
              <a:lnSpc>
                <a:spcPct val="100000"/>
              </a:lnSpc>
              <a:spcBef>
                <a:spcPts val="380"/>
              </a:spcBef>
            </a:pPr>
            <a:r>
              <a:rPr sz="1100" spc="10" dirty="0">
                <a:latin typeface="Open Sans"/>
                <a:cs typeface="Open Sans"/>
              </a:rPr>
              <a:t>+1</a:t>
            </a:r>
            <a:r>
              <a:rPr sz="1100" spc="20" dirty="0">
                <a:latin typeface="Open Sans"/>
                <a:cs typeface="Open Sans"/>
              </a:rPr>
              <a:t> </a:t>
            </a:r>
            <a:r>
              <a:rPr lang="en-US" sz="1100" spc="10" dirty="0">
                <a:latin typeface="Open Sans"/>
                <a:cs typeface="Open Sans"/>
              </a:rPr>
              <a:t>732 963 7747</a:t>
            </a:r>
            <a:endParaRPr sz="1100" dirty="0">
              <a:latin typeface="Open Sans"/>
              <a:cs typeface="Open Sans"/>
            </a:endParaRPr>
          </a:p>
          <a:p>
            <a:pPr marL="12700">
              <a:lnSpc>
                <a:spcPct val="100000"/>
              </a:lnSpc>
              <a:spcBef>
                <a:spcPts val="380"/>
              </a:spcBef>
            </a:pPr>
            <a:r>
              <a:rPr lang="en-US" sz="1100" spc="20" dirty="0">
                <a:latin typeface="Open Sans"/>
                <a:cs typeface="Open Sans"/>
                <a:hlinkClick r:id="rId5">
                  <a:extLst>
                    <a:ext uri="{A12FA001-AC4F-418D-AE19-62706E023703}">
                      <ahyp:hlinkClr xmlns:ahyp="http://schemas.microsoft.com/office/drawing/2018/hyperlinkcolor" val="tx"/>
                    </a:ext>
                  </a:extLst>
                </a:hlinkClick>
              </a:rPr>
              <a:t>nicholas.dickerson</a:t>
            </a:r>
            <a:r>
              <a:rPr sz="1100" spc="20" dirty="0">
                <a:latin typeface="Open Sans"/>
                <a:cs typeface="Open Sans"/>
                <a:hlinkClick r:id="rId5">
                  <a:extLst>
                    <a:ext uri="{A12FA001-AC4F-418D-AE19-62706E023703}">
                      <ahyp:hlinkClr xmlns:ahyp="http://schemas.microsoft.com/office/drawing/2018/hyperlinkcolor" val="tx"/>
                    </a:ext>
                  </a:extLst>
                </a:hlinkClick>
              </a:rPr>
              <a:t>@colliers</a:t>
            </a:r>
            <a:r>
              <a:rPr lang="en-US" sz="1100" spc="20" dirty="0">
                <a:latin typeface="Open Sans"/>
                <a:cs typeface="Open Sans"/>
                <a:hlinkClick r:id="rId5">
                  <a:extLst>
                    <a:ext uri="{A12FA001-AC4F-418D-AE19-62706E023703}">
                      <ahyp:hlinkClr xmlns:ahyp="http://schemas.microsoft.com/office/drawing/2018/hyperlinkcolor" val="tx"/>
                    </a:ext>
                  </a:extLst>
                </a:hlinkClick>
              </a:rPr>
              <a:t>eng</a:t>
            </a:r>
            <a:r>
              <a:rPr sz="1100" spc="20" dirty="0">
                <a:latin typeface="Open Sans"/>
                <a:cs typeface="Open Sans"/>
                <a:hlinkClick r:id="rId5">
                  <a:extLst>
                    <a:ext uri="{A12FA001-AC4F-418D-AE19-62706E023703}">
                      <ahyp:hlinkClr xmlns:ahyp="http://schemas.microsoft.com/office/drawing/2018/hyperlinkcolor" val="tx"/>
                    </a:ext>
                  </a:extLst>
                </a:hlinkClick>
              </a:rPr>
              <a:t>.com</a:t>
            </a:r>
            <a:endParaRPr sz="1100" dirty="0">
              <a:latin typeface="Open Sans"/>
              <a:cs typeface="Open Sans"/>
            </a:endParaRPr>
          </a:p>
        </p:txBody>
      </p:sp>
      <p:sp>
        <p:nvSpPr>
          <p:cNvPr id="14" name="TextBox 13">
            <a:extLst>
              <a:ext uri="{FF2B5EF4-FFF2-40B4-BE49-F238E27FC236}">
                <a16:creationId xmlns:a16="http://schemas.microsoft.com/office/drawing/2014/main" id="{102E7BA9-B8CC-4035-9389-F16446213FD6}"/>
              </a:ext>
            </a:extLst>
          </p:cNvPr>
          <p:cNvSpPr txBox="1"/>
          <p:nvPr/>
        </p:nvSpPr>
        <p:spPr>
          <a:xfrm>
            <a:off x="648000" y="5446352"/>
            <a:ext cx="10139749" cy="349648"/>
          </a:xfrm>
          <a:prstGeom prst="rect">
            <a:avLst/>
          </a:prstGeom>
          <a:noFill/>
        </p:spPr>
        <p:txBody>
          <a:bodyPr wrap="square" lIns="0" tIns="0" rIns="0" bIns="0" rtlCol="0">
            <a:spAutoFit/>
          </a:bodyPr>
          <a:lstStyle/>
          <a:p>
            <a:pPr>
              <a:lnSpc>
                <a:spcPct val="150000"/>
              </a:lnSpc>
            </a:pPr>
            <a:r>
              <a:rPr lang="en-US" sz="800" dirty="0">
                <a:solidFill>
                  <a:schemeClr val="bg2"/>
                </a:solidFill>
                <a:effectLst/>
                <a:latin typeface="Open Sans" panose="020B0606030504020204" pitchFamily="34" charset="0"/>
                <a:ea typeface="Open Sans" panose="020B0606030504020204" pitchFamily="34" charset="0"/>
                <a:cs typeface="Verdana" panose="020B0604030504040204" pitchFamily="34" charset="0"/>
              </a:rPr>
              <a:t>What sets us apart is not what we do, but how we do it. Our people are passionate, take personal responsibility and focus on what’s right for our clients, people and communities. We attract and develop industry leaders, empowering them to think and act differently to drive exceptional results. At Colliers Engineering &amp; Design, we accelerate success.</a:t>
            </a:r>
          </a:p>
        </p:txBody>
      </p:sp>
      <p:pic>
        <p:nvPicPr>
          <p:cNvPr id="5" name="Picture 4" descr="Graphical user interface, application&#10;&#10;Description automatically generated">
            <a:extLst>
              <a:ext uri="{FF2B5EF4-FFF2-40B4-BE49-F238E27FC236}">
                <a16:creationId xmlns:a16="http://schemas.microsoft.com/office/drawing/2014/main" id="{327DE0BA-A3B0-444B-B169-632BC7C1A8D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799615" y="552893"/>
            <a:ext cx="3744386" cy="1616429"/>
          </a:xfrm>
          <a:prstGeom prst="rect">
            <a:avLst/>
          </a:prstGeom>
        </p:spPr>
      </p:pic>
    </p:spTree>
    <p:custDataLst>
      <p:custData r:id="rId1"/>
      <p:custData r:id="rId2"/>
    </p:custDataLst>
    <p:extLst>
      <p:ext uri="{BB962C8B-B14F-4D97-AF65-F5344CB8AC3E}">
        <p14:creationId xmlns:p14="http://schemas.microsoft.com/office/powerpoint/2010/main" val="211370323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D5B9FE6-9654-CBB5-7FF2-D28503910F5B}"/>
              </a:ext>
            </a:extLst>
          </p:cNvPr>
          <p:cNvSpPr>
            <a:spLocks noGrp="1"/>
          </p:cNvSpPr>
          <p:nvPr>
            <p:ph type="body" sz="quarter" idx="13"/>
          </p:nvPr>
        </p:nvSpPr>
        <p:spPr>
          <a:xfrm>
            <a:off x="647700" y="647700"/>
            <a:ext cx="5338377" cy="414338"/>
          </a:xfrm>
        </p:spPr>
        <p:txBody>
          <a:bodyPr>
            <a:normAutofit/>
          </a:bodyPr>
          <a:lstStyle/>
          <a:p>
            <a:r>
              <a:rPr lang="en-US" dirty="0"/>
              <a:t>Introduction</a:t>
            </a:r>
          </a:p>
        </p:txBody>
      </p:sp>
      <p:sp>
        <p:nvSpPr>
          <p:cNvPr id="3" name="Title 2">
            <a:extLst>
              <a:ext uri="{FF2B5EF4-FFF2-40B4-BE49-F238E27FC236}">
                <a16:creationId xmlns:a16="http://schemas.microsoft.com/office/drawing/2014/main" id="{5D221D34-25EB-08C3-4BAC-1131993A53CB}"/>
              </a:ext>
            </a:extLst>
          </p:cNvPr>
          <p:cNvSpPr>
            <a:spLocks noGrp="1"/>
          </p:cNvSpPr>
          <p:nvPr>
            <p:ph type="title"/>
          </p:nvPr>
        </p:nvSpPr>
        <p:spPr>
          <a:xfrm>
            <a:off x="648000" y="1062000"/>
            <a:ext cx="5338463" cy="835200"/>
          </a:xfrm>
        </p:spPr>
        <p:txBody>
          <a:bodyPr anchor="t">
            <a:normAutofit/>
          </a:bodyPr>
          <a:lstStyle/>
          <a:p>
            <a:r>
              <a:rPr lang="en-US" dirty="0"/>
              <a:t>Montclair, In Brief</a:t>
            </a:r>
          </a:p>
        </p:txBody>
      </p:sp>
      <p:sp>
        <p:nvSpPr>
          <p:cNvPr id="4" name="Content Placeholder 3">
            <a:extLst>
              <a:ext uri="{FF2B5EF4-FFF2-40B4-BE49-F238E27FC236}">
                <a16:creationId xmlns:a16="http://schemas.microsoft.com/office/drawing/2014/main" id="{C325D63F-FABE-9CAD-A115-1561897C9894}"/>
              </a:ext>
            </a:extLst>
          </p:cNvPr>
          <p:cNvSpPr>
            <a:spLocks noGrp="1"/>
          </p:cNvSpPr>
          <p:nvPr>
            <p:ph idx="1"/>
          </p:nvPr>
        </p:nvSpPr>
        <p:spPr>
          <a:xfrm>
            <a:off x="648000" y="2044800"/>
            <a:ext cx="4413600" cy="4161600"/>
          </a:xfrm>
        </p:spPr>
        <p:txBody>
          <a:bodyPr>
            <a:normAutofit/>
          </a:bodyPr>
          <a:lstStyle/>
          <a:p>
            <a:r>
              <a:rPr lang="en-US" dirty="0"/>
              <a:t>Montclair is an inland community in Essex County</a:t>
            </a:r>
          </a:p>
          <a:p>
            <a:r>
              <a:rPr lang="en-US" dirty="0"/>
              <a:t>It’s dense, historic, and largely built‑out, with very little open land remaining</a:t>
            </a:r>
          </a:p>
          <a:p>
            <a:r>
              <a:rPr lang="en-US" dirty="0"/>
              <a:t>The town is well connected regionally, but much of the infrastructure is aging</a:t>
            </a:r>
          </a:p>
          <a:p>
            <a:r>
              <a:rPr lang="en-US" dirty="0"/>
              <a:t>That leaves limited room for stormwater when heavy rain hits</a:t>
            </a:r>
          </a:p>
        </p:txBody>
      </p:sp>
      <p:sp>
        <p:nvSpPr>
          <p:cNvPr id="19" name="Text Placeholder 5">
            <a:extLst>
              <a:ext uri="{FF2B5EF4-FFF2-40B4-BE49-F238E27FC236}">
                <a16:creationId xmlns:a16="http://schemas.microsoft.com/office/drawing/2014/main" id="{807F5891-751D-7DB7-E338-1E8D68D3597B}"/>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DAAF8FF6-9179-A3B5-5F19-D6ACC0C2E885}"/>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0088FC11-1206-1EE2-16F7-A408BCBB650D}"/>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2</a:t>
            </a:fld>
            <a:endParaRPr lang="en-US"/>
          </a:p>
        </p:txBody>
      </p:sp>
      <p:pic>
        <p:nvPicPr>
          <p:cNvPr id="10" name="Content Placeholder 9">
            <a:extLst>
              <a:ext uri="{FF2B5EF4-FFF2-40B4-BE49-F238E27FC236}">
                <a16:creationId xmlns:a16="http://schemas.microsoft.com/office/drawing/2014/main" id="{19325321-7484-AF92-496D-83116AE5C118}"/>
              </a:ext>
            </a:extLst>
          </p:cNvPr>
          <p:cNvPicPr>
            <a:picLocks noGrp="1" noChangeAspect="1"/>
          </p:cNvPicPr>
          <p:nvPr>
            <p:ph type="pic" sz="quarter" idx="16"/>
          </p:nvPr>
        </p:nvPicPr>
        <p:blipFill>
          <a:blip r:embed="rId3"/>
          <a:srcRect t="6245" b="5852"/>
          <a:stretch>
            <a:fillRect/>
          </a:stretch>
        </p:blipFill>
        <p:spPr>
          <a:xfrm>
            <a:off x="6096000" y="-5890"/>
            <a:ext cx="6052867" cy="6863890"/>
          </a:xfrm>
          <a:prstGeom prst="rect">
            <a:avLst/>
          </a:prstGeom>
          <a:noFill/>
        </p:spPr>
      </p:pic>
    </p:spTree>
    <p:extLst>
      <p:ext uri="{BB962C8B-B14F-4D97-AF65-F5344CB8AC3E}">
        <p14:creationId xmlns:p14="http://schemas.microsoft.com/office/powerpoint/2010/main" val="343437439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9604ABF-D691-C1D6-F282-51AC9EBB87C1}"/>
              </a:ext>
            </a:extLst>
          </p:cNvPr>
          <p:cNvSpPr>
            <a:spLocks noGrp="1"/>
          </p:cNvSpPr>
          <p:nvPr>
            <p:ph type="title"/>
          </p:nvPr>
        </p:nvSpPr>
        <p:spPr>
          <a:xfrm>
            <a:off x="648000" y="1062000"/>
            <a:ext cx="10893600" cy="835200"/>
          </a:xfrm>
        </p:spPr>
        <p:txBody>
          <a:bodyPr anchor="t">
            <a:normAutofit/>
          </a:bodyPr>
          <a:lstStyle/>
          <a:p>
            <a:r>
              <a:rPr lang="en-US" dirty="0"/>
              <a:t>What Could Possibly Go Wrong?</a:t>
            </a:r>
          </a:p>
        </p:txBody>
      </p:sp>
      <p:sp>
        <p:nvSpPr>
          <p:cNvPr id="6" name="Footer Placeholder 5">
            <a:extLst>
              <a:ext uri="{FF2B5EF4-FFF2-40B4-BE49-F238E27FC236}">
                <a16:creationId xmlns:a16="http://schemas.microsoft.com/office/drawing/2014/main" id="{1FAA78E7-455C-ABA9-6961-F76BED209F30}"/>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A17DF5E4-F746-8DFD-D5C3-AC684680416D}"/>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3</a:t>
            </a:fld>
            <a:endParaRPr lang="en-US"/>
          </a:p>
        </p:txBody>
      </p:sp>
      <p:graphicFrame>
        <p:nvGraphicFramePr>
          <p:cNvPr id="12" name="Content Placeholder 3">
            <a:extLst>
              <a:ext uri="{FF2B5EF4-FFF2-40B4-BE49-F238E27FC236}">
                <a16:creationId xmlns:a16="http://schemas.microsoft.com/office/drawing/2014/main" id="{E5B20773-5CE4-F7A4-0D9C-BFDCEE199CED}"/>
              </a:ext>
            </a:extLst>
          </p:cNvPr>
          <p:cNvGraphicFramePr>
            <a:graphicFrameLocks noGrp="1"/>
          </p:cNvGraphicFramePr>
          <p:nvPr>
            <p:ph sz="quarter" idx="13"/>
            <p:extLst>
              <p:ext uri="{D42A27DB-BD31-4B8C-83A1-F6EECF244321}">
                <p14:modId xmlns:p14="http://schemas.microsoft.com/office/powerpoint/2010/main" val="1522482279"/>
              </p:ext>
            </p:extLst>
          </p:nvPr>
        </p:nvGraphicFramePr>
        <p:xfrm>
          <a:off x="647525" y="2046287"/>
          <a:ext cx="10895187" cy="416242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80050453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Text Placeholder 1">
            <a:extLst>
              <a:ext uri="{FF2B5EF4-FFF2-40B4-BE49-F238E27FC236}">
                <a16:creationId xmlns:a16="http://schemas.microsoft.com/office/drawing/2014/main" id="{539FF6E5-3C48-2400-E10F-5DDFA74D4849}"/>
              </a:ext>
            </a:extLst>
          </p:cNvPr>
          <p:cNvSpPr>
            <a:spLocks noGrp="1"/>
          </p:cNvSpPr>
          <p:nvPr>
            <p:ph type="body" sz="quarter" idx="13"/>
          </p:nvPr>
        </p:nvSpPr>
        <p:spPr>
          <a:xfrm>
            <a:off x="647700" y="647700"/>
            <a:ext cx="10893425" cy="414338"/>
          </a:xfrm>
        </p:spPr>
        <p:txBody>
          <a:bodyPr/>
          <a:lstStyle/>
          <a:p>
            <a:r>
              <a:rPr lang="en-US" dirty="0"/>
              <a:t>Wake Up Call</a:t>
            </a:r>
          </a:p>
        </p:txBody>
      </p:sp>
      <p:sp>
        <p:nvSpPr>
          <p:cNvPr id="3" name="Title 2">
            <a:extLst>
              <a:ext uri="{FF2B5EF4-FFF2-40B4-BE49-F238E27FC236}">
                <a16:creationId xmlns:a16="http://schemas.microsoft.com/office/drawing/2014/main" id="{A99FB181-FC83-3F10-BACC-DC29E25814A0}"/>
              </a:ext>
            </a:extLst>
          </p:cNvPr>
          <p:cNvSpPr>
            <a:spLocks noGrp="1"/>
          </p:cNvSpPr>
          <p:nvPr>
            <p:ph type="title"/>
          </p:nvPr>
        </p:nvSpPr>
        <p:spPr>
          <a:xfrm>
            <a:off x="648000" y="1062000"/>
            <a:ext cx="10893600" cy="835200"/>
          </a:xfrm>
        </p:spPr>
        <p:txBody>
          <a:bodyPr anchor="t">
            <a:normAutofit/>
          </a:bodyPr>
          <a:lstStyle/>
          <a:p>
            <a:r>
              <a:rPr lang="en-US" dirty="0"/>
              <a:t>Hurricane Ida (2021)</a:t>
            </a:r>
          </a:p>
        </p:txBody>
      </p:sp>
      <p:pic>
        <p:nvPicPr>
          <p:cNvPr id="4" name="Content Placeholder 3">
            <a:extLst>
              <a:ext uri="{FF2B5EF4-FFF2-40B4-BE49-F238E27FC236}">
                <a16:creationId xmlns:a16="http://schemas.microsoft.com/office/drawing/2014/main" id="{8C469422-4627-4598-95B1-2D295BADDB8A}"/>
              </a:ext>
            </a:extLst>
          </p:cNvPr>
          <p:cNvPicPr>
            <a:picLocks noGrp="1" noChangeAspect="1"/>
          </p:cNvPicPr>
          <p:nvPr>
            <p:ph idx="1"/>
          </p:nvPr>
        </p:nvPicPr>
        <p:blipFill>
          <a:blip r:embed="rId3"/>
          <a:stretch>
            <a:fillRect/>
          </a:stretch>
        </p:blipFill>
        <p:spPr>
          <a:xfrm>
            <a:off x="179445" y="1717749"/>
            <a:ext cx="2476669" cy="2476669"/>
          </a:xfrm>
          <a:prstGeom prst="rect">
            <a:avLst/>
          </a:prstGeom>
        </p:spPr>
      </p:pic>
      <p:sp>
        <p:nvSpPr>
          <p:cNvPr id="18" name="Text Placeholder 4">
            <a:extLst>
              <a:ext uri="{FF2B5EF4-FFF2-40B4-BE49-F238E27FC236}">
                <a16:creationId xmlns:a16="http://schemas.microsoft.com/office/drawing/2014/main" id="{718AA94E-622E-F14E-2C39-101CFBB6D43D}"/>
              </a:ext>
            </a:extLst>
          </p:cNvPr>
          <p:cNvSpPr>
            <a:spLocks noGrp="1"/>
          </p:cNvSpPr>
          <p:nvPr>
            <p:ph type="body" sz="quarter" idx="14"/>
          </p:nvPr>
        </p:nvSpPr>
        <p:spPr>
          <a:xfrm>
            <a:off x="648000" y="6407999"/>
            <a:ext cx="6649468" cy="259715"/>
          </a:xfrm>
        </p:spPr>
        <p:txBody>
          <a:bodyPr/>
          <a:lstStyle/>
          <a:p>
            <a:endParaRPr lang="en-US"/>
          </a:p>
        </p:txBody>
      </p:sp>
      <p:sp>
        <p:nvSpPr>
          <p:cNvPr id="6" name="Footer Placeholder 5">
            <a:extLst>
              <a:ext uri="{FF2B5EF4-FFF2-40B4-BE49-F238E27FC236}">
                <a16:creationId xmlns:a16="http://schemas.microsoft.com/office/drawing/2014/main" id="{E199015B-5B5E-4528-D1A0-1D4F717C000D}"/>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5DF2263C-6DBE-F2F7-BABB-F3C65D998039}"/>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4</a:t>
            </a:fld>
            <a:endParaRPr lang="en-US"/>
          </a:p>
        </p:txBody>
      </p:sp>
      <p:graphicFrame>
        <p:nvGraphicFramePr>
          <p:cNvPr id="21" name="Content Placeholder 3">
            <a:extLst>
              <a:ext uri="{FF2B5EF4-FFF2-40B4-BE49-F238E27FC236}">
                <a16:creationId xmlns:a16="http://schemas.microsoft.com/office/drawing/2014/main" id="{5CC2B2B0-B32F-B405-EC43-91AC1FDF98A9}"/>
              </a:ext>
            </a:extLst>
          </p:cNvPr>
          <p:cNvGraphicFramePr>
            <a:graphicFrameLocks noGrp="1"/>
          </p:cNvGraphicFramePr>
          <p:nvPr>
            <p:ph sz="quarter" idx="15"/>
            <p:extLst>
              <p:ext uri="{D42A27DB-BD31-4B8C-83A1-F6EECF244321}">
                <p14:modId xmlns:p14="http://schemas.microsoft.com/office/powerpoint/2010/main" val="2232894655"/>
              </p:ext>
            </p:extLst>
          </p:nvPr>
        </p:nvGraphicFramePr>
        <p:xfrm>
          <a:off x="5276850" y="2046288"/>
          <a:ext cx="6265863" cy="4162425"/>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pic>
        <p:nvPicPr>
          <p:cNvPr id="8" name="Picture 7">
            <a:extLst>
              <a:ext uri="{FF2B5EF4-FFF2-40B4-BE49-F238E27FC236}">
                <a16:creationId xmlns:a16="http://schemas.microsoft.com/office/drawing/2014/main" id="{9B6D0A65-102D-BA8F-6036-247E5DC6F0BA}"/>
              </a:ext>
            </a:extLst>
          </p:cNvPr>
          <p:cNvPicPr>
            <a:picLocks noChangeAspect="1"/>
          </p:cNvPicPr>
          <p:nvPr/>
        </p:nvPicPr>
        <p:blipFill>
          <a:blip r:embed="rId9"/>
          <a:stretch>
            <a:fillRect/>
          </a:stretch>
        </p:blipFill>
        <p:spPr>
          <a:xfrm>
            <a:off x="2792738" y="2300761"/>
            <a:ext cx="2377669" cy="3703676"/>
          </a:xfrm>
          <a:prstGeom prst="rect">
            <a:avLst/>
          </a:prstGeom>
        </p:spPr>
      </p:pic>
      <p:pic>
        <p:nvPicPr>
          <p:cNvPr id="10" name="Picture 9">
            <a:extLst>
              <a:ext uri="{FF2B5EF4-FFF2-40B4-BE49-F238E27FC236}">
                <a16:creationId xmlns:a16="http://schemas.microsoft.com/office/drawing/2014/main" id="{5254DB21-FF7A-7A7A-EB68-93BE9224B2BD}"/>
              </a:ext>
            </a:extLst>
          </p:cNvPr>
          <p:cNvPicPr>
            <a:picLocks noChangeAspect="1"/>
          </p:cNvPicPr>
          <p:nvPr/>
        </p:nvPicPr>
        <p:blipFill>
          <a:blip r:embed="rId10"/>
          <a:stretch>
            <a:fillRect/>
          </a:stretch>
        </p:blipFill>
        <p:spPr>
          <a:xfrm>
            <a:off x="179445" y="4311875"/>
            <a:ext cx="2446487" cy="2234067"/>
          </a:xfrm>
          <a:prstGeom prst="rect">
            <a:avLst/>
          </a:prstGeom>
        </p:spPr>
      </p:pic>
    </p:spTree>
    <p:extLst>
      <p:ext uri="{BB962C8B-B14F-4D97-AF65-F5344CB8AC3E}">
        <p14:creationId xmlns:p14="http://schemas.microsoft.com/office/powerpoint/2010/main" val="12670165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Content Placeholder 11">
            <a:extLst>
              <a:ext uri="{FF2B5EF4-FFF2-40B4-BE49-F238E27FC236}">
                <a16:creationId xmlns:a16="http://schemas.microsoft.com/office/drawing/2014/main" id="{A4F6BFC8-9A7F-59A4-1AE3-63B2F1A7374D}"/>
              </a:ext>
            </a:extLst>
          </p:cNvPr>
          <p:cNvPicPr>
            <a:picLocks noGrp="1" noChangeAspect="1"/>
          </p:cNvPicPr>
          <p:nvPr>
            <p:ph type="pic" sz="quarter" idx="16"/>
          </p:nvPr>
        </p:nvPicPr>
        <p:blipFill>
          <a:blip r:embed="rId3">
            <a:extLst>
              <a:ext uri="{28A0092B-C50C-407E-A947-70E740481C1C}">
                <a14:useLocalDpi xmlns:a14="http://schemas.microsoft.com/office/drawing/2010/main" val="0"/>
              </a:ext>
            </a:extLst>
          </a:blip>
          <a:stretch/>
        </p:blipFill>
        <p:spPr>
          <a:xfrm rot="5400000">
            <a:off x="5768975" y="857250"/>
            <a:ext cx="6858000" cy="5143500"/>
          </a:xfrm>
          <a:noFill/>
        </p:spPr>
      </p:pic>
      <p:sp>
        <p:nvSpPr>
          <p:cNvPr id="17" name="Text Placeholder 2">
            <a:extLst>
              <a:ext uri="{FF2B5EF4-FFF2-40B4-BE49-F238E27FC236}">
                <a16:creationId xmlns:a16="http://schemas.microsoft.com/office/drawing/2014/main" id="{05D652A7-50FE-5379-4374-F77761EC4E77}"/>
              </a:ext>
            </a:extLst>
          </p:cNvPr>
          <p:cNvSpPr>
            <a:spLocks noGrp="1"/>
          </p:cNvSpPr>
          <p:nvPr>
            <p:ph type="body" sz="quarter" idx="13"/>
          </p:nvPr>
        </p:nvSpPr>
        <p:spPr>
          <a:xfrm>
            <a:off x="647700" y="647700"/>
            <a:ext cx="5338377" cy="414338"/>
          </a:xfrm>
        </p:spPr>
        <p:txBody>
          <a:bodyPr/>
          <a:lstStyle/>
          <a:p>
            <a:endParaRPr lang="en-US"/>
          </a:p>
        </p:txBody>
      </p:sp>
      <p:sp>
        <p:nvSpPr>
          <p:cNvPr id="3" name="Title 2">
            <a:extLst>
              <a:ext uri="{FF2B5EF4-FFF2-40B4-BE49-F238E27FC236}">
                <a16:creationId xmlns:a16="http://schemas.microsoft.com/office/drawing/2014/main" id="{9A3F7259-0BAD-8BA3-8E7B-91042361920E}"/>
              </a:ext>
            </a:extLst>
          </p:cNvPr>
          <p:cNvSpPr>
            <a:spLocks noGrp="1"/>
          </p:cNvSpPr>
          <p:nvPr>
            <p:ph type="title"/>
          </p:nvPr>
        </p:nvSpPr>
        <p:spPr>
          <a:xfrm>
            <a:off x="648000" y="1062000"/>
            <a:ext cx="5338463" cy="835200"/>
          </a:xfrm>
        </p:spPr>
        <p:txBody>
          <a:bodyPr anchor="t">
            <a:normAutofit/>
          </a:bodyPr>
          <a:lstStyle/>
          <a:p>
            <a:r>
              <a:rPr lang="en-US" dirty="0"/>
              <a:t>Our Role in Montclair</a:t>
            </a:r>
          </a:p>
        </p:txBody>
      </p:sp>
      <p:sp>
        <p:nvSpPr>
          <p:cNvPr id="4" name="Content Placeholder 3">
            <a:extLst>
              <a:ext uri="{FF2B5EF4-FFF2-40B4-BE49-F238E27FC236}">
                <a16:creationId xmlns:a16="http://schemas.microsoft.com/office/drawing/2014/main" id="{55BB8E50-2C88-AFD9-AC00-3137409F8DB6}"/>
              </a:ext>
            </a:extLst>
          </p:cNvPr>
          <p:cNvSpPr>
            <a:spLocks noGrp="1"/>
          </p:cNvSpPr>
          <p:nvPr>
            <p:ph idx="1"/>
          </p:nvPr>
        </p:nvSpPr>
        <p:spPr>
          <a:xfrm>
            <a:off x="648000" y="2044800"/>
            <a:ext cx="4413600" cy="4161600"/>
          </a:xfrm>
        </p:spPr>
        <p:txBody>
          <a:bodyPr>
            <a:normAutofit/>
          </a:bodyPr>
          <a:lstStyle/>
          <a:p>
            <a:r>
              <a:rPr lang="en-US" dirty="0"/>
              <a:t>Our firm was brought in through an NJDEP‑sponsored Resilient NJ MAP grant</a:t>
            </a:r>
          </a:p>
          <a:p>
            <a:r>
              <a:rPr lang="en-US" dirty="0"/>
              <a:t>The goal was to build on Montclair’s post‑Ida planning work</a:t>
            </a:r>
          </a:p>
          <a:p>
            <a:pPr lvl="1"/>
            <a:r>
              <a:rPr lang="en-US" dirty="0"/>
              <a:t>Update and expand the Township’s Climate Change‑Related Hazard Vulnerability Assessment</a:t>
            </a:r>
          </a:p>
          <a:p>
            <a:pPr lvl="1"/>
            <a:r>
              <a:rPr lang="en-US" dirty="0"/>
              <a:t>Prepare a Resilience Action Plan focused on implementation</a:t>
            </a:r>
          </a:p>
        </p:txBody>
      </p:sp>
      <p:sp>
        <p:nvSpPr>
          <p:cNvPr id="19" name="Text Placeholder 5">
            <a:extLst>
              <a:ext uri="{FF2B5EF4-FFF2-40B4-BE49-F238E27FC236}">
                <a16:creationId xmlns:a16="http://schemas.microsoft.com/office/drawing/2014/main" id="{8F909383-40E5-616A-1320-084C602E042A}"/>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99E6341E-730B-6B8F-C596-D1819CD0D287}"/>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68730E62-AEAE-00C3-8619-1FF1D740C21A}"/>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5</a:t>
            </a:fld>
            <a:endParaRPr lang="en-US"/>
          </a:p>
        </p:txBody>
      </p:sp>
    </p:spTree>
    <p:extLst>
      <p:ext uri="{BB962C8B-B14F-4D97-AF65-F5344CB8AC3E}">
        <p14:creationId xmlns:p14="http://schemas.microsoft.com/office/powerpoint/2010/main" val="26884461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68B7899-20A2-3C4B-F820-6A6BA2C4D568}"/>
              </a:ext>
            </a:extLst>
          </p:cNvPr>
          <p:cNvSpPr>
            <a:spLocks noGrp="1"/>
          </p:cNvSpPr>
          <p:nvPr>
            <p:ph type="body" sz="quarter" idx="13"/>
          </p:nvPr>
        </p:nvSpPr>
        <p:spPr/>
        <p:txBody>
          <a:bodyPr/>
          <a:lstStyle/>
          <a:p>
            <a:r>
              <a:rPr lang="en-US" dirty="0"/>
              <a:t>Starting Point</a:t>
            </a:r>
          </a:p>
        </p:txBody>
      </p:sp>
      <p:sp>
        <p:nvSpPr>
          <p:cNvPr id="3" name="Title 2">
            <a:extLst>
              <a:ext uri="{FF2B5EF4-FFF2-40B4-BE49-F238E27FC236}">
                <a16:creationId xmlns:a16="http://schemas.microsoft.com/office/drawing/2014/main" id="{4ACF0929-4707-CDFA-0469-330D92DBDC36}"/>
              </a:ext>
            </a:extLst>
          </p:cNvPr>
          <p:cNvSpPr>
            <a:spLocks noGrp="1"/>
          </p:cNvSpPr>
          <p:nvPr>
            <p:ph type="title"/>
          </p:nvPr>
        </p:nvSpPr>
        <p:spPr/>
        <p:txBody>
          <a:bodyPr/>
          <a:lstStyle/>
          <a:p>
            <a:r>
              <a:rPr lang="en-US" dirty="0"/>
              <a:t>The Original CCRHVA</a:t>
            </a:r>
          </a:p>
        </p:txBody>
      </p:sp>
      <p:sp>
        <p:nvSpPr>
          <p:cNvPr id="4" name="Content Placeholder 3">
            <a:extLst>
              <a:ext uri="{FF2B5EF4-FFF2-40B4-BE49-F238E27FC236}">
                <a16:creationId xmlns:a16="http://schemas.microsoft.com/office/drawing/2014/main" id="{3B47885B-4075-1BDB-3F5C-BC15733785C8}"/>
              </a:ext>
            </a:extLst>
          </p:cNvPr>
          <p:cNvSpPr>
            <a:spLocks noGrp="1"/>
          </p:cNvSpPr>
          <p:nvPr>
            <p:ph idx="1"/>
          </p:nvPr>
        </p:nvSpPr>
        <p:spPr/>
        <p:txBody>
          <a:bodyPr/>
          <a:lstStyle/>
          <a:p>
            <a:r>
              <a:rPr lang="en-US" dirty="0"/>
              <a:t>Montclair’s original CCRHVA was completed after Ida, in 2023</a:t>
            </a:r>
          </a:p>
          <a:p>
            <a:r>
              <a:rPr lang="en-US" dirty="0"/>
              <a:t>It focused almost entirely on flooding, with a secondary emphasis on heat and tree canopy</a:t>
            </a:r>
          </a:p>
          <a:p>
            <a:r>
              <a:rPr lang="en-US" dirty="0"/>
              <a:t>That made sense given the impacts the community had just experienced</a:t>
            </a:r>
          </a:p>
        </p:txBody>
      </p:sp>
      <p:sp>
        <p:nvSpPr>
          <p:cNvPr id="5" name="Text Placeholder 4">
            <a:extLst>
              <a:ext uri="{FF2B5EF4-FFF2-40B4-BE49-F238E27FC236}">
                <a16:creationId xmlns:a16="http://schemas.microsoft.com/office/drawing/2014/main" id="{695EFA77-B04E-8D59-315A-C156C25C66AA}"/>
              </a:ext>
            </a:extLst>
          </p:cNvPr>
          <p:cNvSpPr>
            <a:spLocks noGrp="1"/>
          </p:cNvSpPr>
          <p:nvPr>
            <p:ph type="body" sz="quarter" idx="14"/>
          </p:nvPr>
        </p:nvSpPr>
        <p:spPr/>
        <p:txBody>
          <a:bodyPr/>
          <a:lstStyle/>
          <a:p>
            <a:endParaRPr lang="en-US"/>
          </a:p>
        </p:txBody>
      </p:sp>
      <p:sp>
        <p:nvSpPr>
          <p:cNvPr id="6" name="Footer Placeholder 5">
            <a:extLst>
              <a:ext uri="{FF2B5EF4-FFF2-40B4-BE49-F238E27FC236}">
                <a16:creationId xmlns:a16="http://schemas.microsoft.com/office/drawing/2014/main" id="{859B8814-7E2A-DD1E-1928-A770CF30D968}"/>
              </a:ext>
            </a:extLst>
          </p:cNvPr>
          <p:cNvSpPr>
            <a:spLocks noGrp="1"/>
          </p:cNvSpPr>
          <p:nvPr>
            <p:ph type="ftr" sz="quarter" idx="11"/>
          </p:nvPr>
        </p:nvSpPr>
        <p:spPr/>
        <p:txBody>
          <a:bodyPr/>
          <a:lstStyle/>
          <a:p>
            <a:r>
              <a:rPr lang="en-US"/>
              <a:t>Colliers Engineering &amp; Design</a:t>
            </a:r>
            <a:endParaRPr lang="en-US" dirty="0"/>
          </a:p>
        </p:txBody>
      </p:sp>
      <p:sp>
        <p:nvSpPr>
          <p:cNvPr id="7" name="Slide Number Placeholder 6">
            <a:extLst>
              <a:ext uri="{FF2B5EF4-FFF2-40B4-BE49-F238E27FC236}">
                <a16:creationId xmlns:a16="http://schemas.microsoft.com/office/drawing/2014/main" id="{2C8EA132-B853-E6EA-AF15-E0824B104D87}"/>
              </a:ext>
            </a:extLst>
          </p:cNvPr>
          <p:cNvSpPr>
            <a:spLocks noGrp="1"/>
          </p:cNvSpPr>
          <p:nvPr>
            <p:ph type="sldNum" sz="quarter" idx="12"/>
          </p:nvPr>
        </p:nvSpPr>
        <p:spPr/>
        <p:txBody>
          <a:bodyPr/>
          <a:lstStyle/>
          <a:p>
            <a:fld id="{23AA811B-2EBD-4900-905E-5BE206449611}" type="slidenum">
              <a:rPr lang="en-US" smtClean="0"/>
              <a:pPr/>
              <a:t>6</a:t>
            </a:fld>
            <a:endParaRPr lang="en-US" dirty="0"/>
          </a:p>
        </p:txBody>
      </p:sp>
      <p:pic>
        <p:nvPicPr>
          <p:cNvPr id="12" name="Content Placeholder 11">
            <a:extLst>
              <a:ext uri="{FF2B5EF4-FFF2-40B4-BE49-F238E27FC236}">
                <a16:creationId xmlns:a16="http://schemas.microsoft.com/office/drawing/2014/main" id="{67424BD8-6539-3E76-7530-07D652D363D6}"/>
              </a:ext>
            </a:extLst>
          </p:cNvPr>
          <p:cNvPicPr>
            <a:picLocks noGrp="1" noChangeAspect="1"/>
          </p:cNvPicPr>
          <p:nvPr>
            <p:ph sz="quarter" idx="15"/>
          </p:nvPr>
        </p:nvPicPr>
        <p:blipFill>
          <a:blip r:embed="rId3"/>
          <a:stretch>
            <a:fillRect/>
          </a:stretch>
        </p:blipFill>
        <p:spPr>
          <a:xfrm>
            <a:off x="6750094" y="647699"/>
            <a:ext cx="4791031" cy="6045003"/>
          </a:xfrm>
          <a:prstGeom prst="rect">
            <a:avLst/>
          </a:prstGeom>
        </p:spPr>
      </p:pic>
    </p:spTree>
    <p:extLst>
      <p:ext uri="{BB962C8B-B14F-4D97-AF65-F5344CB8AC3E}">
        <p14:creationId xmlns:p14="http://schemas.microsoft.com/office/powerpoint/2010/main" val="167944621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E63ED37-79A7-1BB7-A67A-1838D80A6F37}"/>
              </a:ext>
            </a:extLst>
          </p:cNvPr>
          <p:cNvSpPr>
            <a:spLocks noGrp="1"/>
          </p:cNvSpPr>
          <p:nvPr>
            <p:ph type="body" sz="quarter" idx="13"/>
          </p:nvPr>
        </p:nvSpPr>
        <p:spPr/>
        <p:txBody>
          <a:bodyPr/>
          <a:lstStyle/>
          <a:p>
            <a:endParaRPr lang="en-US" dirty="0"/>
          </a:p>
        </p:txBody>
      </p:sp>
      <p:sp>
        <p:nvSpPr>
          <p:cNvPr id="3" name="Title 2">
            <a:extLst>
              <a:ext uri="{FF2B5EF4-FFF2-40B4-BE49-F238E27FC236}">
                <a16:creationId xmlns:a16="http://schemas.microsoft.com/office/drawing/2014/main" id="{69017B4D-57AD-39EF-0C9C-B1EC61F167A7}"/>
              </a:ext>
            </a:extLst>
          </p:cNvPr>
          <p:cNvSpPr>
            <a:spLocks noGrp="1"/>
          </p:cNvSpPr>
          <p:nvPr>
            <p:ph type="title"/>
          </p:nvPr>
        </p:nvSpPr>
        <p:spPr/>
        <p:txBody>
          <a:bodyPr/>
          <a:lstStyle/>
          <a:p>
            <a:r>
              <a:rPr lang="en-US" dirty="0"/>
              <a:t>How We Expanded The Conversation</a:t>
            </a:r>
          </a:p>
        </p:txBody>
      </p:sp>
      <p:sp>
        <p:nvSpPr>
          <p:cNvPr id="4" name="Content Placeholder 3">
            <a:extLst>
              <a:ext uri="{FF2B5EF4-FFF2-40B4-BE49-F238E27FC236}">
                <a16:creationId xmlns:a16="http://schemas.microsoft.com/office/drawing/2014/main" id="{E3B8FEBC-6461-4F93-2F5F-1AF9A90BADFF}"/>
              </a:ext>
            </a:extLst>
          </p:cNvPr>
          <p:cNvSpPr>
            <a:spLocks noGrp="1"/>
          </p:cNvSpPr>
          <p:nvPr>
            <p:ph idx="1"/>
          </p:nvPr>
        </p:nvSpPr>
        <p:spPr>
          <a:xfrm>
            <a:off x="647700" y="1897200"/>
            <a:ext cx="9270700" cy="4161600"/>
          </a:xfrm>
        </p:spPr>
        <p:txBody>
          <a:bodyPr/>
          <a:lstStyle/>
          <a:p>
            <a:r>
              <a:rPr lang="en-US" dirty="0"/>
              <a:t>NJDEP encouraged us to look beyond flooding and heat</a:t>
            </a:r>
          </a:p>
          <a:p>
            <a:r>
              <a:rPr lang="en-US" dirty="0"/>
              <a:t>We expanded the assessment to include additional climate‑related risks</a:t>
            </a:r>
          </a:p>
          <a:p>
            <a:r>
              <a:rPr lang="en-US" dirty="0"/>
              <a:t>Wildfire risk became especially relevant after the Greenwood Lake fire in 2024</a:t>
            </a:r>
          </a:p>
          <a:p>
            <a:r>
              <a:rPr lang="en-US" dirty="0"/>
              <a:t>We also evaluated landslide risk, given Montclair’s topography</a:t>
            </a:r>
          </a:p>
        </p:txBody>
      </p:sp>
      <p:sp>
        <p:nvSpPr>
          <p:cNvPr id="5" name="Text Placeholder 4">
            <a:extLst>
              <a:ext uri="{FF2B5EF4-FFF2-40B4-BE49-F238E27FC236}">
                <a16:creationId xmlns:a16="http://schemas.microsoft.com/office/drawing/2014/main" id="{91CA4595-6F9D-E907-ECEB-EE45764C2B2F}"/>
              </a:ext>
            </a:extLst>
          </p:cNvPr>
          <p:cNvSpPr>
            <a:spLocks noGrp="1"/>
          </p:cNvSpPr>
          <p:nvPr>
            <p:ph type="body" sz="quarter" idx="14"/>
          </p:nvPr>
        </p:nvSpPr>
        <p:spPr/>
        <p:txBody>
          <a:bodyPr/>
          <a:lstStyle/>
          <a:p>
            <a:endParaRPr lang="en-US"/>
          </a:p>
        </p:txBody>
      </p:sp>
      <p:sp>
        <p:nvSpPr>
          <p:cNvPr id="6" name="Footer Placeholder 5">
            <a:extLst>
              <a:ext uri="{FF2B5EF4-FFF2-40B4-BE49-F238E27FC236}">
                <a16:creationId xmlns:a16="http://schemas.microsoft.com/office/drawing/2014/main" id="{FE167466-7384-FAFD-8B32-E28248F5B861}"/>
              </a:ext>
            </a:extLst>
          </p:cNvPr>
          <p:cNvSpPr>
            <a:spLocks noGrp="1"/>
          </p:cNvSpPr>
          <p:nvPr>
            <p:ph type="ftr" sz="quarter" idx="11"/>
          </p:nvPr>
        </p:nvSpPr>
        <p:spPr/>
        <p:txBody>
          <a:bodyPr/>
          <a:lstStyle/>
          <a:p>
            <a:r>
              <a:rPr lang="en-US"/>
              <a:t>Colliers Engineering &amp; Design</a:t>
            </a:r>
            <a:endParaRPr lang="en-US" dirty="0"/>
          </a:p>
        </p:txBody>
      </p:sp>
      <p:sp>
        <p:nvSpPr>
          <p:cNvPr id="7" name="Slide Number Placeholder 6">
            <a:extLst>
              <a:ext uri="{FF2B5EF4-FFF2-40B4-BE49-F238E27FC236}">
                <a16:creationId xmlns:a16="http://schemas.microsoft.com/office/drawing/2014/main" id="{60F205DB-7068-3C34-D94B-D5BD3EEF6F52}"/>
              </a:ext>
            </a:extLst>
          </p:cNvPr>
          <p:cNvSpPr>
            <a:spLocks noGrp="1"/>
          </p:cNvSpPr>
          <p:nvPr>
            <p:ph type="sldNum" sz="quarter" idx="12"/>
          </p:nvPr>
        </p:nvSpPr>
        <p:spPr/>
        <p:txBody>
          <a:bodyPr/>
          <a:lstStyle/>
          <a:p>
            <a:fld id="{23AA811B-2EBD-4900-905E-5BE206449611}" type="slidenum">
              <a:rPr lang="en-US" smtClean="0"/>
              <a:pPr/>
              <a:t>7</a:t>
            </a:fld>
            <a:endParaRPr lang="en-US" dirty="0"/>
          </a:p>
        </p:txBody>
      </p:sp>
      <p:pic>
        <p:nvPicPr>
          <p:cNvPr id="10" name="Content Placeholder 9">
            <a:extLst>
              <a:ext uri="{FF2B5EF4-FFF2-40B4-BE49-F238E27FC236}">
                <a16:creationId xmlns:a16="http://schemas.microsoft.com/office/drawing/2014/main" id="{B193D204-29A5-9EF5-EEA9-64FC36AE7CB1}"/>
              </a:ext>
            </a:extLst>
          </p:cNvPr>
          <p:cNvPicPr>
            <a:picLocks noGrp="1" noChangeAspect="1"/>
          </p:cNvPicPr>
          <p:nvPr>
            <p:ph sz="quarter" idx="15"/>
          </p:nvPr>
        </p:nvPicPr>
        <p:blipFill>
          <a:blip r:embed="rId3"/>
          <a:stretch>
            <a:fillRect/>
          </a:stretch>
        </p:blipFill>
        <p:spPr>
          <a:xfrm>
            <a:off x="738361" y="3408916"/>
            <a:ext cx="2296939" cy="2964184"/>
          </a:xfrm>
          <a:prstGeom prst="rect">
            <a:avLst/>
          </a:prstGeom>
        </p:spPr>
      </p:pic>
      <p:pic>
        <p:nvPicPr>
          <p:cNvPr id="12" name="Picture 11">
            <a:extLst>
              <a:ext uri="{FF2B5EF4-FFF2-40B4-BE49-F238E27FC236}">
                <a16:creationId xmlns:a16="http://schemas.microsoft.com/office/drawing/2014/main" id="{02CF81F8-3805-31CF-03F5-F570DBBCE8B5}"/>
              </a:ext>
            </a:extLst>
          </p:cNvPr>
          <p:cNvPicPr>
            <a:picLocks noChangeAspect="1"/>
          </p:cNvPicPr>
          <p:nvPr/>
        </p:nvPicPr>
        <p:blipFill>
          <a:blip r:embed="rId4"/>
          <a:stretch>
            <a:fillRect/>
          </a:stretch>
        </p:blipFill>
        <p:spPr>
          <a:xfrm>
            <a:off x="3331378" y="3408916"/>
            <a:ext cx="2296940" cy="2964184"/>
          </a:xfrm>
          <a:prstGeom prst="rect">
            <a:avLst/>
          </a:prstGeom>
        </p:spPr>
      </p:pic>
      <p:pic>
        <p:nvPicPr>
          <p:cNvPr id="14" name="Picture 13">
            <a:extLst>
              <a:ext uri="{FF2B5EF4-FFF2-40B4-BE49-F238E27FC236}">
                <a16:creationId xmlns:a16="http://schemas.microsoft.com/office/drawing/2014/main" id="{9128BC4F-C486-1C3B-BA34-CBFF61A2163E}"/>
              </a:ext>
            </a:extLst>
          </p:cNvPr>
          <p:cNvPicPr>
            <a:picLocks noChangeAspect="1"/>
          </p:cNvPicPr>
          <p:nvPr/>
        </p:nvPicPr>
        <p:blipFill>
          <a:blip r:embed="rId5"/>
          <a:stretch>
            <a:fillRect/>
          </a:stretch>
        </p:blipFill>
        <p:spPr>
          <a:xfrm>
            <a:off x="5924397" y="3396177"/>
            <a:ext cx="2296940" cy="2964185"/>
          </a:xfrm>
          <a:prstGeom prst="rect">
            <a:avLst/>
          </a:prstGeom>
        </p:spPr>
      </p:pic>
      <p:pic>
        <p:nvPicPr>
          <p:cNvPr id="16" name="Picture 15">
            <a:extLst>
              <a:ext uri="{FF2B5EF4-FFF2-40B4-BE49-F238E27FC236}">
                <a16:creationId xmlns:a16="http://schemas.microsoft.com/office/drawing/2014/main" id="{9455A8B1-46AA-3D0C-C502-B1DD65ADE0F7}"/>
              </a:ext>
            </a:extLst>
          </p:cNvPr>
          <p:cNvPicPr>
            <a:picLocks noChangeAspect="1"/>
          </p:cNvPicPr>
          <p:nvPr/>
        </p:nvPicPr>
        <p:blipFill>
          <a:blip r:embed="rId6"/>
          <a:stretch>
            <a:fillRect/>
          </a:stretch>
        </p:blipFill>
        <p:spPr>
          <a:xfrm>
            <a:off x="8517415" y="3396177"/>
            <a:ext cx="2306811" cy="2976923"/>
          </a:xfrm>
          <a:prstGeom prst="rect">
            <a:avLst/>
          </a:prstGeom>
        </p:spPr>
      </p:pic>
    </p:spTree>
    <p:extLst>
      <p:ext uri="{BB962C8B-B14F-4D97-AF65-F5344CB8AC3E}">
        <p14:creationId xmlns:p14="http://schemas.microsoft.com/office/powerpoint/2010/main" val="33655822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CD92AEC0-A389-8CD0-EF84-1DA8A8E903B3}"/>
              </a:ext>
            </a:extLst>
          </p:cNvPr>
          <p:cNvSpPr>
            <a:spLocks noGrp="1"/>
          </p:cNvSpPr>
          <p:nvPr>
            <p:ph type="body" sz="quarter" idx="13"/>
          </p:nvPr>
        </p:nvSpPr>
        <p:spPr>
          <a:xfrm>
            <a:off x="647700" y="647700"/>
            <a:ext cx="10893425" cy="414338"/>
          </a:xfrm>
        </p:spPr>
        <p:txBody>
          <a:bodyPr/>
          <a:lstStyle/>
          <a:p>
            <a:endParaRPr lang="en-US"/>
          </a:p>
        </p:txBody>
      </p:sp>
      <p:sp>
        <p:nvSpPr>
          <p:cNvPr id="3" name="Title 2">
            <a:extLst>
              <a:ext uri="{FF2B5EF4-FFF2-40B4-BE49-F238E27FC236}">
                <a16:creationId xmlns:a16="http://schemas.microsoft.com/office/drawing/2014/main" id="{95EB0E36-450D-1FD6-6B51-EB97B80483D9}"/>
              </a:ext>
            </a:extLst>
          </p:cNvPr>
          <p:cNvSpPr>
            <a:spLocks noGrp="1"/>
          </p:cNvSpPr>
          <p:nvPr>
            <p:ph type="title"/>
          </p:nvPr>
        </p:nvSpPr>
        <p:spPr>
          <a:xfrm>
            <a:off x="648000" y="1062000"/>
            <a:ext cx="10893600" cy="835200"/>
          </a:xfrm>
        </p:spPr>
        <p:txBody>
          <a:bodyPr anchor="t">
            <a:normAutofit/>
          </a:bodyPr>
          <a:lstStyle/>
          <a:p>
            <a:r>
              <a:rPr lang="en-US" dirty="0"/>
              <a:t>From Ida to Action</a:t>
            </a:r>
          </a:p>
        </p:txBody>
      </p:sp>
      <p:sp>
        <p:nvSpPr>
          <p:cNvPr id="16" name="Text Placeholder 4">
            <a:extLst>
              <a:ext uri="{FF2B5EF4-FFF2-40B4-BE49-F238E27FC236}">
                <a16:creationId xmlns:a16="http://schemas.microsoft.com/office/drawing/2014/main" id="{3E2D4A4B-66AB-C740-3765-F9782F86FD89}"/>
              </a:ext>
            </a:extLst>
          </p:cNvPr>
          <p:cNvSpPr>
            <a:spLocks noGrp="1"/>
          </p:cNvSpPr>
          <p:nvPr>
            <p:ph type="body" sz="quarter" idx="14"/>
          </p:nvPr>
        </p:nvSpPr>
        <p:spPr>
          <a:xfrm>
            <a:off x="648000" y="6408000"/>
            <a:ext cx="6267600" cy="244800"/>
          </a:xfrm>
        </p:spPr>
        <p:txBody>
          <a:bodyPr/>
          <a:lstStyle/>
          <a:p>
            <a:endParaRPr lang="en-US"/>
          </a:p>
        </p:txBody>
      </p:sp>
      <p:sp>
        <p:nvSpPr>
          <p:cNvPr id="6" name="Footer Placeholder 5">
            <a:extLst>
              <a:ext uri="{FF2B5EF4-FFF2-40B4-BE49-F238E27FC236}">
                <a16:creationId xmlns:a16="http://schemas.microsoft.com/office/drawing/2014/main" id="{0375F5CF-DACD-9315-8630-E87B1A97701B}"/>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59D980C7-EDC9-C144-6AD2-734D131EB0D1}"/>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8</a:t>
            </a:fld>
            <a:endParaRPr lang="en-US"/>
          </a:p>
        </p:txBody>
      </p:sp>
      <p:graphicFrame>
        <p:nvGraphicFramePr>
          <p:cNvPr id="11" name="Content Placeholder 7">
            <a:extLst>
              <a:ext uri="{FF2B5EF4-FFF2-40B4-BE49-F238E27FC236}">
                <a16:creationId xmlns:a16="http://schemas.microsoft.com/office/drawing/2014/main" id="{C568EC74-84BA-1D07-DD51-B2FFFCED7D5F}"/>
              </a:ext>
            </a:extLst>
          </p:cNvPr>
          <p:cNvGraphicFramePr>
            <a:graphicFrameLocks noGrp="1"/>
          </p:cNvGraphicFramePr>
          <p:nvPr>
            <p:ph idx="1"/>
            <p:extLst>
              <p:ext uri="{D42A27DB-BD31-4B8C-83A1-F6EECF244321}">
                <p14:modId xmlns:p14="http://schemas.microsoft.com/office/powerpoint/2010/main" val="4234752417"/>
              </p:ext>
            </p:extLst>
          </p:nvPr>
        </p:nvGraphicFramePr>
        <p:xfrm>
          <a:off x="648000" y="2044800"/>
          <a:ext cx="10893600" cy="4161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38382667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DD17CD9-499D-9183-7502-104C4C8DA7FD}"/>
              </a:ext>
            </a:extLst>
          </p:cNvPr>
          <p:cNvSpPr>
            <a:spLocks noGrp="1"/>
          </p:cNvSpPr>
          <p:nvPr>
            <p:ph type="title"/>
          </p:nvPr>
        </p:nvSpPr>
        <p:spPr>
          <a:xfrm>
            <a:off x="648000" y="1062000"/>
            <a:ext cx="10893600" cy="835200"/>
          </a:xfrm>
        </p:spPr>
        <p:txBody>
          <a:bodyPr anchor="t">
            <a:normAutofit/>
          </a:bodyPr>
          <a:lstStyle/>
          <a:p>
            <a:r>
              <a:rPr lang="en-US" dirty="0"/>
              <a:t>Scale of Flood Risk</a:t>
            </a:r>
          </a:p>
        </p:txBody>
      </p:sp>
      <p:sp>
        <p:nvSpPr>
          <p:cNvPr id="6" name="Footer Placeholder 5">
            <a:extLst>
              <a:ext uri="{FF2B5EF4-FFF2-40B4-BE49-F238E27FC236}">
                <a16:creationId xmlns:a16="http://schemas.microsoft.com/office/drawing/2014/main" id="{A0644F06-7AC5-D82E-C297-0E258EF61A71}"/>
              </a:ext>
            </a:extLst>
          </p:cNvPr>
          <p:cNvSpPr>
            <a:spLocks noGrp="1"/>
          </p:cNvSpPr>
          <p:nvPr>
            <p:ph type="ftr" sz="quarter" idx="11"/>
          </p:nvPr>
        </p:nvSpPr>
        <p:spPr>
          <a:xfrm>
            <a:off x="6202800" y="248400"/>
            <a:ext cx="4636800" cy="180000"/>
          </a:xfrm>
        </p:spPr>
        <p:txBody>
          <a:bodyPr anchor="ctr">
            <a:normAutofit/>
          </a:bodyPr>
          <a:lstStyle/>
          <a:p>
            <a:pPr>
              <a:spcAft>
                <a:spcPts val="600"/>
              </a:spcAft>
            </a:pPr>
            <a:r>
              <a:rPr lang="en-US"/>
              <a:t>Colliers Engineering &amp; Design</a:t>
            </a:r>
          </a:p>
        </p:txBody>
      </p:sp>
      <p:sp>
        <p:nvSpPr>
          <p:cNvPr id="7" name="Slide Number Placeholder 6">
            <a:extLst>
              <a:ext uri="{FF2B5EF4-FFF2-40B4-BE49-F238E27FC236}">
                <a16:creationId xmlns:a16="http://schemas.microsoft.com/office/drawing/2014/main" id="{13BAB1B9-4B37-2366-F85B-453569D1EFFF}"/>
              </a:ext>
            </a:extLst>
          </p:cNvPr>
          <p:cNvSpPr>
            <a:spLocks noGrp="1"/>
          </p:cNvSpPr>
          <p:nvPr>
            <p:ph type="sldNum" sz="quarter" idx="12"/>
          </p:nvPr>
        </p:nvSpPr>
        <p:spPr>
          <a:xfrm>
            <a:off x="11167200" y="248400"/>
            <a:ext cx="374400" cy="180000"/>
          </a:xfrm>
        </p:spPr>
        <p:txBody>
          <a:bodyPr anchor="ctr">
            <a:normAutofit/>
          </a:bodyPr>
          <a:lstStyle/>
          <a:p>
            <a:pPr>
              <a:spcAft>
                <a:spcPts val="600"/>
              </a:spcAft>
            </a:pPr>
            <a:fld id="{23AA811B-2EBD-4900-905E-5BE206449611}" type="slidenum">
              <a:rPr lang="en-US" smtClean="0"/>
              <a:pPr>
                <a:spcAft>
                  <a:spcPts val="600"/>
                </a:spcAft>
              </a:pPr>
              <a:t>9</a:t>
            </a:fld>
            <a:endParaRPr lang="en-US"/>
          </a:p>
        </p:txBody>
      </p:sp>
      <p:graphicFrame>
        <p:nvGraphicFramePr>
          <p:cNvPr id="10" name="Content Placeholder 3">
            <a:extLst>
              <a:ext uri="{FF2B5EF4-FFF2-40B4-BE49-F238E27FC236}">
                <a16:creationId xmlns:a16="http://schemas.microsoft.com/office/drawing/2014/main" id="{1BD07395-C103-B485-2BE9-5B0807A50B46}"/>
              </a:ext>
            </a:extLst>
          </p:cNvPr>
          <p:cNvGraphicFramePr>
            <a:graphicFrameLocks noGrp="1"/>
          </p:cNvGraphicFramePr>
          <p:nvPr>
            <p:ph sz="quarter" idx="13"/>
            <p:extLst>
              <p:ext uri="{D42A27DB-BD31-4B8C-83A1-F6EECF244321}">
                <p14:modId xmlns:p14="http://schemas.microsoft.com/office/powerpoint/2010/main" val="190391245"/>
              </p:ext>
            </p:extLst>
          </p:nvPr>
        </p:nvGraphicFramePr>
        <p:xfrm>
          <a:off x="647525" y="2046287"/>
          <a:ext cx="10895187" cy="4162426"/>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64529599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olliers 16:9">
  <a:themeElements>
    <a:clrScheme name="Colliers">
      <a:dk1>
        <a:srgbClr val="4A4A4D"/>
      </a:dk1>
      <a:lt1>
        <a:srgbClr val="FFFFFF"/>
      </a:lt1>
      <a:dk2>
        <a:srgbClr val="25408F"/>
      </a:dk2>
      <a:lt2>
        <a:srgbClr val="CCCDD5"/>
      </a:lt2>
      <a:accent1>
        <a:srgbClr val="25408F"/>
      </a:accent1>
      <a:accent2>
        <a:srgbClr val="0C9ED9"/>
      </a:accent2>
      <a:accent3>
        <a:srgbClr val="B7E4F4"/>
      </a:accent3>
      <a:accent4>
        <a:srgbClr val="9EA2A2"/>
      </a:accent4>
      <a:accent5>
        <a:srgbClr val="ED1B34"/>
      </a:accent5>
      <a:accent6>
        <a:srgbClr val="FFD400"/>
      </a:accent6>
      <a:hlink>
        <a:srgbClr val="0C9ED9"/>
      </a:hlink>
      <a:folHlink>
        <a:srgbClr val="0C9ED9"/>
      </a:folHlink>
    </a:clrScheme>
    <a:fontScheme name="Colliers">
      <a:majorFont>
        <a:latin typeface="Open Sans Ligh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D3D9E9"/>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Colliers (9).pptx" id="{94E35C43-FEE9-4260-8F03-C2AE988411A2}" vid="{D9B61C42-FA14-430E-B9DE-17E5FA19151A}"/>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D3D9E9"/>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D3D9E9"/>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E51AC6B32444D4D960FF4E12ABB3DC6" ma:contentTypeVersion="13" ma:contentTypeDescription="Create a new document." ma:contentTypeScope="" ma:versionID="15a4b41ca84372aa5bc71a5a7f592299">
  <xsd:schema xmlns:xsd="http://www.w3.org/2001/XMLSchema" xmlns:xs="http://www.w3.org/2001/XMLSchema" xmlns:p="http://schemas.microsoft.com/office/2006/metadata/properties" xmlns:ns3="9d9ffadf-afc5-4516-8154-8b5556450e58" xmlns:ns4="dbfd51cd-500d-4a01-9743-c307b975cf8d" targetNamespace="http://schemas.microsoft.com/office/2006/metadata/properties" ma:root="true" ma:fieldsID="e72f19e92f672ef6694346f5b336323d" ns3:_="" ns4:_="">
    <xsd:import namespace="9d9ffadf-afc5-4516-8154-8b5556450e58"/>
    <xsd:import namespace="dbfd51cd-500d-4a01-9743-c307b975cf8d"/>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OCR" minOccurs="0"/>
                <xsd:element ref="ns3:MediaServiceAutoKeyPoints" minOccurs="0"/>
                <xsd:element ref="ns3:MediaServiceKeyPoints" minOccurs="0"/>
                <xsd:element ref="ns3:MediaServiceDateTaken" minOccurs="0"/>
                <xsd:element ref="ns3:MediaServiceLocation"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d9ffadf-afc5-4516-8154-8b5556450e5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bfd51cd-500d-4a01-9743-c307b975cf8d"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ype":"shape","id":"1edd3cc1-1b98-4e89-9efc-7c95655202ac","elementConfiguration":{"binding":"{{StringJoin(\" \", UserProfile.FirstName, UserProfile.LastName)}}","visibility":"","type":"text","disableUpdates":false}},{"type":"shape","id":"dea6e9d3-ad34-4657-855b-a8e7399b1d57","elementConfiguration":{"binding":"{{UserProfile.Email}}","visibility":"","type":"text","disableUpdates":false}},{"type":"shape","id":"9413898d-aded-43b9-9cbf-5ca40bfbcaa0","elementConfiguration":{"binding":"{{StringJoin(\" \", UserProfile.FirstName, UserProfile.LastName)}}","visibility":"","type":"text","disableUpdates":false}},{"type":"shape","id":"36c65ba4-5e3c-43c4-96c8-6ff7cb2cfbd7","elementConfiguration":{"binding":"{{UserProfile.Email}}","visibility":"","type":"text","disableUpdates":false}},{"type":"shape","id":"648b3b1e-8996-44bc-888d-b65e52c29486","elementConfiguration":{"binding":"{{StringJoin(\" \", UserProfile.FirstName, UserProfile.LastName)}}","visibility":"","type":"text","disableUpdates":false}},{"type":"shape","id":"4e626210-7c0a-4120-a73f-e6376eaf3579","elementConfiguration":{"binding":"{{UserProfile.Email}}","visibility":"","type":"text","disableUpdates":false}}],"transformationConfigurations":[{"language":"{{DocumentLanguage}}","disableUpdates":false,"type":"proofingLanguage"}],"templateName":"Blank","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955464000407601152","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953999399271006209","enableDocumentContentUpdater":false,"version":"2.0"}]]></TemplafySlideTemplateConfiguration>
</file>

<file path=customXml/itemProps1.xml><?xml version="1.0" encoding="utf-8"?>
<ds:datastoreItem xmlns:ds="http://schemas.openxmlformats.org/officeDocument/2006/customXml" ds:itemID="{F1F00D24-A341-4740-A1B7-C8FEA6B75FE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d9ffadf-afc5-4516-8154-8b5556450e58"/>
    <ds:schemaRef ds:uri="dbfd51cd-500d-4a01-9743-c307b975cf8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8C21A5E-8450-4DBC-8908-F4B250EEC97D}">
  <ds:schemaRefs/>
</ds:datastoreItem>
</file>

<file path=customXml/itemProps3.xml><?xml version="1.0" encoding="utf-8"?>
<ds:datastoreItem xmlns:ds="http://schemas.openxmlformats.org/officeDocument/2006/customXml" ds:itemID="{29BB1266-4864-411A-84DE-2ED7BC81715F}">
  <ds:schemaRefs/>
</ds:datastoreItem>
</file>

<file path=customXml/itemProps4.xml><?xml version="1.0" encoding="utf-8"?>
<ds:datastoreItem xmlns:ds="http://schemas.openxmlformats.org/officeDocument/2006/customXml" ds:itemID="{CE263BE8-0C26-4136-BB83-3A79FF130894}">
  <ds:schemaRefs>
    <ds:schemaRef ds:uri="http://schemas.microsoft.com/office/2006/documentManagement/types"/>
    <ds:schemaRef ds:uri="http://purl.org/dc/elements/1.1/"/>
    <ds:schemaRef ds:uri="9d9ffadf-afc5-4516-8154-8b5556450e58"/>
    <ds:schemaRef ds:uri="http://purl.org/dc/dcmitype/"/>
    <ds:schemaRef ds:uri="dbfd51cd-500d-4a01-9743-c307b975cf8d"/>
    <ds:schemaRef ds:uri="http://www.w3.org/XML/1998/namespace"/>
    <ds:schemaRef ds:uri="http://purl.org/dc/terms/"/>
    <ds:schemaRef ds:uri="http://schemas.microsoft.com/office/infopath/2007/PartnerControls"/>
    <ds:schemaRef ds:uri="http://schemas.openxmlformats.org/package/2006/metadata/core-properties"/>
    <ds:schemaRef ds:uri="http://schemas.microsoft.com/office/2006/metadata/properties"/>
  </ds:schemaRefs>
</ds:datastoreItem>
</file>

<file path=customXml/itemProps5.xml><?xml version="1.0" encoding="utf-8"?>
<ds:datastoreItem xmlns:ds="http://schemas.openxmlformats.org/officeDocument/2006/customXml" ds:itemID="{27C81D6F-82BC-4C34-AEF0-A8C9CA216C80}">
  <ds:schemaRefs>
    <ds:schemaRef ds:uri="http://schemas.microsoft.com/sharepoint/v3/contenttype/forms"/>
  </ds:schemaRefs>
</ds:datastoreItem>
</file>

<file path=customXml/itemProps6.xml><?xml version="1.0" encoding="utf-8"?>
<ds:datastoreItem xmlns:ds="http://schemas.openxmlformats.org/officeDocument/2006/customXml" ds:itemID="{0F36DBE9-AB49-4F9A-986C-8EA70A96FEF1}">
  <ds:schemaRefs/>
</ds:datastoreItem>
</file>

<file path=customXml/itemProps7.xml><?xml version="1.0" encoding="utf-8"?>
<ds:datastoreItem xmlns:ds="http://schemas.openxmlformats.org/officeDocument/2006/customXml" ds:itemID="{B9D157D6-A0B7-4CE7-861A-F23D25F5F504}">
  <ds:schemaRefs/>
</ds:datastoreItem>
</file>

<file path=customXml/itemProps8.xml><?xml version="1.0" encoding="utf-8"?>
<ds:datastoreItem xmlns:ds="http://schemas.openxmlformats.org/officeDocument/2006/customXml" ds:itemID="{7163529F-4112-4AEB-B1FA-1F9CE6B5A6B3}">
  <ds:schemaRefs/>
</ds:datastoreItem>
</file>

<file path=customXml/itemProps9.xml><?xml version="1.0" encoding="utf-8"?>
<ds:datastoreItem xmlns:ds="http://schemas.openxmlformats.org/officeDocument/2006/customXml" ds:itemID="{76498759-BD70-405E-A382-6569835F91F0}">
  <ds:schemaRefs/>
</ds:datastoreItem>
</file>

<file path=docProps/app.xml><?xml version="1.0" encoding="utf-8"?>
<Properties xmlns="http://schemas.openxmlformats.org/officeDocument/2006/extended-properties" xmlns:vt="http://schemas.openxmlformats.org/officeDocument/2006/docPropsVTypes">
  <Template>blank</Template>
  <TotalTime>0</TotalTime>
  <Words>800</Words>
  <Application>Microsoft Office PowerPoint</Application>
  <PresentationFormat>Widescreen</PresentationFormat>
  <Paragraphs>124</Paragraphs>
  <Slides>16</Slides>
  <Notes>13</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6</vt:i4>
      </vt:variant>
    </vt:vector>
  </HeadingPairs>
  <TitlesOfParts>
    <vt:vector size="21" baseType="lpstr">
      <vt:lpstr>Arial</vt:lpstr>
      <vt:lpstr>Open Sans</vt:lpstr>
      <vt:lpstr>Open Sans Light</vt:lpstr>
      <vt:lpstr>OpenSans-SemiBold</vt:lpstr>
      <vt:lpstr>Colliers 16:9</vt:lpstr>
      <vt:lpstr>Post-Ida Resilience Planning in Montclair</vt:lpstr>
      <vt:lpstr>Montclair, In Brief</vt:lpstr>
      <vt:lpstr>What Could Possibly Go Wrong?</vt:lpstr>
      <vt:lpstr>Hurricane Ida (2021)</vt:lpstr>
      <vt:lpstr>Our Role in Montclair</vt:lpstr>
      <vt:lpstr>The Original CCRHVA</vt:lpstr>
      <vt:lpstr>How We Expanded The Conversation</vt:lpstr>
      <vt:lpstr>From Ida to Action</vt:lpstr>
      <vt:lpstr>Scale of Flood Risk</vt:lpstr>
      <vt:lpstr>It’s not just flooding</vt:lpstr>
      <vt:lpstr>Who is Most Vulnerable?</vt:lpstr>
      <vt:lpstr>Sustainability &amp; Resilience Amendments to the Master Plan</vt:lpstr>
      <vt:lpstr>Resilience Action Plan</vt:lpstr>
      <vt:lpstr>Resilience Goals</vt:lpstr>
      <vt:lpstr>What Actually Changed after Ida</vt:lpstr>
      <vt:lpstr>Thank Yo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5-02-10T02:18:36Z</dcterms:created>
  <dcterms:modified xsi:type="dcterms:W3CDTF">2026-03-05T21:15:2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DocumentInfoFinished">
    <vt:lpwstr>True</vt:lpwstr>
  </property>
  <property fmtid="{D5CDD505-2E9C-101B-9397-08002B2CF9AE}" pid="4" name="ContentTypeId">
    <vt:lpwstr>0x0101004E51AC6B32444D4D960FF4E12ABB3DC6</vt:lpwstr>
  </property>
  <property fmtid="{D5CDD505-2E9C-101B-9397-08002B2CF9AE}" pid="5" name="TemplafyTimeStamp">
    <vt:lpwstr>2024-07-11T09:24:09</vt:lpwstr>
  </property>
  <property fmtid="{D5CDD505-2E9C-101B-9397-08002B2CF9AE}" pid="6" name="TemplafyTenantId">
    <vt:lpwstr>collierseng</vt:lpwstr>
  </property>
  <property fmtid="{D5CDD505-2E9C-101B-9397-08002B2CF9AE}" pid="7" name="TemplafyTemplateId">
    <vt:lpwstr>955463973798936652</vt:lpwstr>
  </property>
  <property fmtid="{D5CDD505-2E9C-101B-9397-08002B2CF9AE}" pid="8" name="TemplafyUserProfileId">
    <vt:lpwstr>637976373488512640</vt:lpwstr>
  </property>
  <property fmtid="{D5CDD505-2E9C-101B-9397-08002B2CF9AE}" pid="9" name="TemplafyLanguageCode">
    <vt:lpwstr>en-US</vt:lpwstr>
  </property>
  <property fmtid="{D5CDD505-2E9C-101B-9397-08002B2CF9AE}" pid="10" name="TemplafyFromBlank">
    <vt:bool>true</vt:bool>
  </property>
</Properties>
</file>